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169\2026_04消費・教育統計課\小売\14_ホームページ\2026年〈2020年基準〉\2026.5月分〈2020年基準〉\01_消費者物価指数の概要・中分類\"/>
    </mc:Choice>
  </mc:AlternateContent>
  <xr:revisionPtr revIDLastSave="0" documentId="13_ncr:1_{E8190253-8FC0-4F94-BF8D-78229C6068C2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$A$1:$N$33</definedName>
    <definedName name="_xlnm.Print_Area" localSheetId="1">中分類指数!$A$1:$K$48</definedName>
    <definedName name="月報_中分類表抽出" localSheetId="1">中分類指数!$A$2:$E$5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1" i="2" l="1"/>
  <c r="K31" i="1" l="1"/>
  <c r="E31" i="1"/>
  <c r="D31" i="1"/>
  <c r="C31" i="1" l="1"/>
  <c r="K32" i="1" l="1"/>
  <c r="M31" i="1" l="1"/>
  <c r="F33" i="1" l="1"/>
  <c r="E33" i="1"/>
  <c r="E32" i="1"/>
  <c r="D32" i="1"/>
  <c r="F31" i="1"/>
  <c r="M33" i="1" l="1"/>
  <c r="L33" i="1"/>
  <c r="K33" i="1"/>
  <c r="J33" i="1"/>
  <c r="I33" i="1"/>
  <c r="H33" i="1"/>
  <c r="G33" i="1"/>
  <c r="D33" i="1"/>
  <c r="C33" i="1"/>
  <c r="M32" i="1"/>
  <c r="L32" i="1"/>
  <c r="J32" i="1"/>
  <c r="I32" i="1"/>
  <c r="H32" i="1"/>
  <c r="G32" i="1"/>
  <c r="F32" i="1"/>
  <c r="C32" i="1"/>
  <c r="L31" i="1"/>
  <c r="J31" i="1"/>
  <c r="I31" i="1"/>
  <c r="H31" i="1"/>
  <c r="G31" i="1"/>
</calcChain>
</file>

<file path=xl/sharedStrings.xml><?xml version="1.0" encoding="utf-8"?>
<sst xmlns="http://schemas.openxmlformats.org/spreadsheetml/2006/main" count="103" uniqueCount="99">
  <si>
    <t>前月比
（％）</t>
    <rPh sb="0" eb="2">
      <t>ゼンゲツ</t>
    </rPh>
    <rPh sb="2" eb="3">
      <t>ヒ</t>
    </rPh>
    <phoneticPr fontId="1"/>
  </si>
  <si>
    <t>指　数</t>
    <rPh sb="0" eb="1">
      <t>ユビ</t>
    </rPh>
    <rPh sb="2" eb="3">
      <t>スウ</t>
    </rPh>
    <phoneticPr fontId="1"/>
  </si>
  <si>
    <t>諸雑費</t>
    <rPh sb="0" eb="1">
      <t>ショ</t>
    </rPh>
    <rPh sb="1" eb="3">
      <t>ザッピ</t>
    </rPh>
    <phoneticPr fontId="1"/>
  </si>
  <si>
    <t>教養娯楽</t>
    <rPh sb="0" eb="2">
      <t>キョウヨウ</t>
    </rPh>
    <rPh sb="2" eb="4">
      <t>ゴラク</t>
    </rPh>
    <phoneticPr fontId="1"/>
  </si>
  <si>
    <t>教育</t>
    <rPh sb="0" eb="2">
      <t>キョウイク</t>
    </rPh>
    <phoneticPr fontId="1"/>
  </si>
  <si>
    <t>交通・
  通信</t>
    <rPh sb="0" eb="2">
      <t>コウツウ</t>
    </rPh>
    <rPh sb="6" eb="8">
      <t>ツウシン</t>
    </rPh>
    <phoneticPr fontId="1"/>
  </si>
  <si>
    <t>保健医療</t>
    <rPh sb="0" eb="2">
      <t>ホケン</t>
    </rPh>
    <rPh sb="2" eb="4">
      <t>イリョウ</t>
    </rPh>
    <phoneticPr fontId="1"/>
  </si>
  <si>
    <t>被服及び履物</t>
    <rPh sb="0" eb="2">
      <t>ヒフク</t>
    </rPh>
    <rPh sb="2" eb="3">
      <t>オヨ</t>
    </rPh>
    <rPh sb="4" eb="6">
      <t>ハキモノ</t>
    </rPh>
    <phoneticPr fontId="1"/>
  </si>
  <si>
    <t>家具・
家事用品</t>
    <rPh sb="0" eb="2">
      <t>カグ</t>
    </rPh>
    <rPh sb="4" eb="6">
      <t>カジ</t>
    </rPh>
    <rPh sb="6" eb="8">
      <t>ヨウヒン</t>
    </rPh>
    <phoneticPr fontId="1"/>
  </si>
  <si>
    <t>光熱・
 水道</t>
    <rPh sb="0" eb="2">
      <t>コウネツ</t>
    </rPh>
    <rPh sb="5" eb="7">
      <t>スイドウ</t>
    </rPh>
    <phoneticPr fontId="1"/>
  </si>
  <si>
    <t>住居</t>
    <rPh sb="0" eb="2">
      <t>ジュウキョ</t>
    </rPh>
    <phoneticPr fontId="1"/>
  </si>
  <si>
    <t>食料</t>
    <rPh sb="0" eb="2">
      <t>ショクリョウ</t>
    </rPh>
    <phoneticPr fontId="1"/>
  </si>
  <si>
    <t>総合</t>
    <rPh sb="0" eb="2">
      <t>ソウゴウ</t>
    </rPh>
    <phoneticPr fontId="1"/>
  </si>
  <si>
    <t>費　　目</t>
    <rPh sb="0" eb="1">
      <t>ヒ</t>
    </rPh>
    <rPh sb="3" eb="4">
      <t>メ</t>
    </rPh>
    <phoneticPr fontId="1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1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1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1"/>
  </si>
  <si>
    <t xml:space="preserve">     　利用上の注意</t>
    <rPh sb="6" eb="9">
      <t>リヨウジョウ</t>
    </rPh>
    <rPh sb="10" eb="12">
      <t>チュウイ</t>
    </rPh>
    <phoneticPr fontId="1"/>
  </si>
  <si>
    <t>*********************************************************************************************</t>
    <phoneticPr fontId="1"/>
  </si>
  <si>
    <t>**********************************************************************************************</t>
    <phoneticPr fontId="1"/>
  </si>
  <si>
    <t>相模原市</t>
    <rPh sb="0" eb="3">
      <t>サガミハラ</t>
    </rPh>
    <rPh sb="3" eb="4">
      <t>シ</t>
    </rPh>
    <phoneticPr fontId="16"/>
  </si>
  <si>
    <t>分　　　類　　　名</t>
    <rPh sb="8" eb="9">
      <t>メイ</t>
    </rPh>
    <phoneticPr fontId="16"/>
  </si>
  <si>
    <t>指　数</t>
  </si>
  <si>
    <t>前月比
％</t>
    <phoneticPr fontId="1"/>
  </si>
  <si>
    <t>前年
同月比
％</t>
    <phoneticPr fontId="1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1"/>
  </si>
  <si>
    <t>前年同月比
（％）</t>
    <rPh sb="0" eb="2">
      <t>ゼンネン</t>
    </rPh>
    <rPh sb="2" eb="4">
      <t>ドウゲツ</t>
    </rPh>
    <rPh sb="4" eb="5">
      <t>ヒ</t>
    </rPh>
    <phoneticPr fontId="1"/>
  </si>
  <si>
    <t>他の被服</t>
    <phoneticPr fontId="1"/>
  </si>
  <si>
    <t>　（総務省統計局公表結果に基づく　令和２（２０２０）年＝１００基準）</t>
    <rPh sb="17" eb="19">
      <t>レイワ</t>
    </rPh>
    <phoneticPr fontId="1"/>
  </si>
  <si>
    <t>　　　　　　　　　　　　　　　　　　         　　消費者物価指数　　10大費目指数　　　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1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1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1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1"/>
  </si>
  <si>
    <t>相模原市の消費者物価指数の概要</t>
    <rPh sb="0" eb="3">
      <t>サガミハラ</t>
    </rPh>
    <phoneticPr fontId="1"/>
  </si>
  <si>
    <t>　　　　　　　　　　　　　　　　　　　  　中 　分　 類　 指　 数</t>
    <phoneticPr fontId="16"/>
  </si>
  <si>
    <t>　　　　　　　　   前年同月比は2.0％の上昇　　  前月比は0.5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1"/>
  </si>
  <si>
    <t>２０２６年５月分</t>
    <phoneticPr fontId="1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１４．２</t>
    </r>
    <phoneticPr fontId="1"/>
  </si>
  <si>
    <t>　   　　  2　生鮮食品を除く総合指数は１１３．７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1"/>
  </si>
  <si>
    <t>　　　　　　　　   前年同月比は1.9％の上昇　　  前月比は0.6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1"/>
  </si>
  <si>
    <t>　　   　  3　生鮮食品及びエネルギーを除く総合指数は１１２．９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1"/>
  </si>
  <si>
    <t>　　　　　　　　   前年同月比は2.2％の上昇　　　前月比は0.3％の上昇</t>
    <rPh sb="22" eb="24">
      <t>ジョウシ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_ "/>
  </numFmts>
  <fonts count="3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明朝"/>
      <family val="2"/>
      <charset val="128"/>
    </font>
    <font>
      <b/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>
      <alignment vertical="center"/>
    </xf>
    <xf numFmtId="0" fontId="14" fillId="0" borderId="0"/>
    <xf numFmtId="0" fontId="14" fillId="0" borderId="0"/>
  </cellStyleXfs>
  <cellXfs count="119">
    <xf numFmtId="0" fontId="0" fillId="0" borderId="0" xfId="0">
      <alignment vertical="center"/>
    </xf>
    <xf numFmtId="0" fontId="0" fillId="0" borderId="0" xfId="0" applyBorder="1">
      <alignment vertical="center"/>
    </xf>
    <xf numFmtId="176" fontId="2" fillId="0" borderId="1" xfId="0" applyNumberFormat="1" applyFont="1" applyBorder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2" fillId="0" borderId="2" xfId="0" applyNumberFormat="1" applyFont="1" applyBorder="1">
      <alignment vertical="center"/>
    </xf>
    <xf numFmtId="176" fontId="2" fillId="0" borderId="3" xfId="0" applyNumberFormat="1" applyFont="1" applyBorder="1">
      <alignment vertical="center"/>
    </xf>
    <xf numFmtId="176" fontId="2" fillId="0" borderId="4" xfId="0" applyNumberFormat="1" applyFont="1" applyBorder="1">
      <alignment vertical="center"/>
    </xf>
    <xf numFmtId="0" fontId="3" fillId="0" borderId="2" xfId="0" applyFont="1" applyBorder="1" applyAlignment="1">
      <alignment horizontal="center" vertical="center" wrapText="1"/>
    </xf>
    <xf numFmtId="176" fontId="2" fillId="0" borderId="1" xfId="0" applyNumberFormat="1" applyFont="1" applyBorder="1" applyAlignment="1">
      <alignment horizontal="right" vertical="center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 shrinkToFit="1"/>
    </xf>
    <xf numFmtId="0" fontId="4" fillId="0" borderId="3" xfId="0" applyFont="1" applyBorder="1" applyAlignment="1">
      <alignment horizontal="center" vertical="center" wrapText="1" shrinkToFit="1"/>
    </xf>
    <xf numFmtId="0" fontId="4" fillId="0" borderId="4" xfId="0" applyFont="1" applyBorder="1" applyAlignment="1">
      <alignment horizontal="center" vertical="center" wrapText="1" shrinkToFit="1"/>
    </xf>
    <xf numFmtId="0" fontId="0" fillId="0" borderId="0" xfId="0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0" fillId="0" borderId="0" xfId="0" applyFont="1" applyAlignment="1">
      <alignment vertical="center"/>
    </xf>
    <xf numFmtId="0" fontId="5" fillId="0" borderId="0" xfId="0" applyFont="1">
      <alignment vertical="center"/>
    </xf>
    <xf numFmtId="0" fontId="5" fillId="0" borderId="0" xfId="0" applyFont="1" applyBorder="1">
      <alignment vertical="center"/>
    </xf>
    <xf numFmtId="0" fontId="5" fillId="0" borderId="0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0" fillId="0" borderId="0" xfId="0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12" fillId="0" borderId="0" xfId="0" applyFont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176" fontId="26" fillId="0" borderId="12" xfId="1" applyNumberFormat="1" applyFont="1" applyFill="1" applyBorder="1" applyAlignment="1">
      <alignment vertical="center"/>
    </xf>
    <xf numFmtId="176" fontId="26" fillId="0" borderId="15" xfId="1" applyNumberFormat="1" applyFont="1" applyFill="1" applyBorder="1" applyAlignment="1">
      <alignment vertical="center"/>
    </xf>
    <xf numFmtId="176" fontId="27" fillId="0" borderId="17" xfId="1" applyNumberFormat="1" applyFont="1" applyFill="1" applyBorder="1" applyAlignment="1">
      <alignment vertical="center"/>
    </xf>
    <xf numFmtId="176" fontId="27" fillId="0" borderId="18" xfId="1" applyNumberFormat="1" applyFont="1" applyFill="1" applyBorder="1" applyAlignment="1">
      <alignment vertical="center"/>
    </xf>
    <xf numFmtId="176" fontId="26" fillId="0" borderId="16" xfId="1" applyNumberFormat="1" applyFont="1" applyFill="1" applyBorder="1" applyAlignment="1">
      <alignment vertical="center"/>
    </xf>
    <xf numFmtId="176" fontId="26" fillId="0" borderId="0" xfId="1" applyNumberFormat="1" applyFont="1" applyFill="1" applyAlignment="1">
      <alignment vertical="center"/>
    </xf>
    <xf numFmtId="176" fontId="26" fillId="0" borderId="18" xfId="1" applyNumberFormat="1" applyFont="1" applyFill="1" applyBorder="1" applyAlignment="1">
      <alignment vertical="center"/>
    </xf>
    <xf numFmtId="176" fontId="26" fillId="0" borderId="19" xfId="1" applyNumberFormat="1" applyFont="1" applyFill="1" applyBorder="1" applyAlignment="1">
      <alignment vertical="center"/>
    </xf>
    <xf numFmtId="0" fontId="17" fillId="0" borderId="0" xfId="2" applyFont="1" applyFill="1"/>
    <xf numFmtId="176" fontId="27" fillId="0" borderId="21" xfId="1" applyNumberFormat="1" applyFont="1" applyFill="1" applyBorder="1" applyAlignment="1">
      <alignment vertical="center"/>
    </xf>
    <xf numFmtId="176" fontId="26" fillId="0" borderId="23" xfId="1" applyNumberFormat="1" applyFont="1" applyFill="1" applyBorder="1" applyAlignment="1">
      <alignment vertical="center"/>
    </xf>
    <xf numFmtId="176" fontId="29" fillId="0" borderId="0" xfId="1" applyNumberFormat="1" applyFont="1" applyFill="1" applyBorder="1" applyAlignment="1">
      <alignment vertical="center"/>
    </xf>
    <xf numFmtId="0" fontId="25" fillId="0" borderId="14" xfId="2" applyFont="1" applyFill="1" applyBorder="1"/>
    <xf numFmtId="176" fontId="30" fillId="0" borderId="0" xfId="1" applyNumberFormat="1" applyFont="1" applyFill="1" applyBorder="1" applyAlignment="1">
      <alignment vertical="center"/>
    </xf>
    <xf numFmtId="0" fontId="8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5" fillId="0" borderId="0" xfId="0" applyFont="1" applyBorder="1" applyAlignment="1">
      <alignment vertical="center"/>
    </xf>
    <xf numFmtId="176" fontId="26" fillId="0" borderId="27" xfId="1" applyNumberFormat="1" applyFont="1" applyFill="1" applyBorder="1" applyAlignment="1">
      <alignment vertical="center"/>
    </xf>
    <xf numFmtId="0" fontId="25" fillId="0" borderId="17" xfId="2" quotePrefix="1" applyNumberFormat="1" applyFont="1" applyFill="1" applyBorder="1"/>
    <xf numFmtId="176" fontId="26" fillId="0" borderId="17" xfId="1" applyNumberFormat="1" applyFont="1" applyFill="1" applyBorder="1" applyAlignment="1">
      <alignment vertical="center"/>
    </xf>
    <xf numFmtId="176" fontId="26" fillId="0" borderId="25" xfId="1" applyNumberFormat="1" applyFont="1" applyFill="1" applyBorder="1" applyAlignment="1">
      <alignment vertical="center"/>
    </xf>
    <xf numFmtId="176" fontId="26" fillId="0" borderId="20" xfId="1" applyNumberFormat="1" applyFont="1" applyFill="1" applyBorder="1" applyAlignment="1">
      <alignment vertical="center"/>
    </xf>
    <xf numFmtId="176" fontId="26" fillId="0" borderId="30" xfId="1" applyNumberFormat="1" applyFont="1" applyFill="1" applyBorder="1" applyAlignment="1">
      <alignment vertical="center"/>
    </xf>
    <xf numFmtId="176" fontId="26" fillId="0" borderId="21" xfId="1" applyNumberFormat="1" applyFont="1" applyFill="1" applyBorder="1" applyAlignment="1">
      <alignment vertical="center"/>
    </xf>
    <xf numFmtId="176" fontId="26" fillId="0" borderId="31" xfId="1" applyNumberFormat="1" applyFont="1" applyFill="1" applyBorder="1" applyAlignment="1">
      <alignment vertical="center"/>
    </xf>
    <xf numFmtId="176" fontId="26" fillId="0" borderId="32" xfId="1" applyNumberFormat="1" applyFont="1" applyFill="1" applyBorder="1" applyAlignment="1">
      <alignment vertical="center"/>
    </xf>
    <xf numFmtId="176" fontId="26" fillId="0" borderId="33" xfId="1" applyNumberFormat="1" applyFont="1" applyFill="1" applyBorder="1" applyAlignment="1">
      <alignment vertical="center"/>
    </xf>
    <xf numFmtId="176" fontId="26" fillId="0" borderId="26" xfId="1" applyNumberFormat="1" applyFont="1" applyFill="1" applyBorder="1" applyAlignment="1">
      <alignment vertical="center"/>
    </xf>
    <xf numFmtId="176" fontId="26" fillId="0" borderId="6" xfId="1" applyNumberFormat="1" applyFont="1" applyFill="1" applyBorder="1" applyAlignment="1">
      <alignment vertical="center"/>
    </xf>
    <xf numFmtId="176" fontId="26" fillId="0" borderId="7" xfId="1" applyNumberFormat="1" applyFont="1" applyFill="1" applyBorder="1" applyAlignment="1">
      <alignment vertical="center"/>
    </xf>
    <xf numFmtId="0" fontId="17" fillId="0" borderId="34" xfId="2" applyFont="1" applyFill="1" applyBorder="1"/>
    <xf numFmtId="176" fontId="27" fillId="0" borderId="31" xfId="1" applyNumberFormat="1" applyFont="1" applyFill="1" applyBorder="1" applyAlignment="1">
      <alignment vertical="center"/>
    </xf>
    <xf numFmtId="176" fontId="0" fillId="0" borderId="0" xfId="2" applyNumberFormat="1" applyFont="1" applyFill="1" applyAlignment="1"/>
    <xf numFmtId="176" fontId="17" fillId="0" borderId="0" xfId="2" applyNumberFormat="1" applyFont="1" applyFill="1"/>
    <xf numFmtId="0" fontId="20" fillId="0" borderId="0" xfId="2" applyFont="1" applyFill="1" applyBorder="1"/>
    <xf numFmtId="0" fontId="17" fillId="0" borderId="0" xfId="2" applyFont="1" applyFill="1" applyBorder="1"/>
    <xf numFmtId="176" fontId="17" fillId="0" borderId="0" xfId="2" applyNumberFormat="1" applyFont="1" applyFill="1" applyBorder="1"/>
    <xf numFmtId="0" fontId="21" fillId="0" borderId="0" xfId="2" applyFont="1" applyFill="1"/>
    <xf numFmtId="0" fontId="22" fillId="0" borderId="0" xfId="2" applyFont="1" applyFill="1"/>
    <xf numFmtId="0" fontId="23" fillId="0" borderId="0" xfId="2" applyFont="1" applyFill="1" applyBorder="1"/>
    <xf numFmtId="176" fontId="24" fillId="0" borderId="26" xfId="2" quotePrefix="1" applyNumberFormat="1" applyFont="1" applyFill="1" applyBorder="1" applyAlignment="1">
      <alignment horizontal="center" vertical="center"/>
    </xf>
    <xf numFmtId="176" fontId="24" fillId="0" borderId="6" xfId="2" applyNumberFormat="1" applyFont="1" applyFill="1" applyBorder="1" applyAlignment="1">
      <alignment horizontal="center" vertical="center" wrapText="1"/>
    </xf>
    <xf numFmtId="176" fontId="24" fillId="0" borderId="7" xfId="2" applyNumberFormat="1" applyFont="1" applyFill="1" applyBorder="1" applyAlignment="1">
      <alignment horizontal="center" vertical="center" wrapText="1"/>
    </xf>
    <xf numFmtId="176" fontId="24" fillId="0" borderId="6" xfId="2" quotePrefix="1" applyNumberFormat="1" applyFont="1" applyFill="1" applyBorder="1" applyAlignment="1">
      <alignment horizontal="center" vertical="center"/>
    </xf>
    <xf numFmtId="0" fontId="25" fillId="0" borderId="4" xfId="2" quotePrefix="1" applyNumberFormat="1" applyFont="1" applyFill="1" applyBorder="1" applyAlignment="1">
      <alignment horizontal="left"/>
    </xf>
    <xf numFmtId="0" fontId="25" fillId="0" borderId="8" xfId="2" applyFont="1" applyFill="1" applyBorder="1" applyAlignment="1">
      <alignment horizontal="left"/>
    </xf>
    <xf numFmtId="0" fontId="25" fillId="0" borderId="24" xfId="2" quotePrefix="1" applyNumberFormat="1" applyFont="1" applyFill="1" applyBorder="1"/>
    <xf numFmtId="0" fontId="25" fillId="0" borderId="10" xfId="2" applyFont="1" applyFill="1" applyBorder="1"/>
    <xf numFmtId="176" fontId="27" fillId="0" borderId="11" xfId="1" applyNumberFormat="1" applyFont="1" applyFill="1" applyBorder="1" applyAlignment="1">
      <alignment vertical="center"/>
    </xf>
    <xf numFmtId="176" fontId="27" fillId="0" borderId="12" xfId="1" applyNumberFormat="1" applyFont="1" applyFill="1" applyBorder="1" applyAlignment="1">
      <alignment vertical="center"/>
    </xf>
    <xf numFmtId="176" fontId="27" fillId="0" borderId="15" xfId="1" applyNumberFormat="1" applyFont="1" applyFill="1" applyBorder="1" applyAlignment="1">
      <alignment vertical="center"/>
    </xf>
    <xf numFmtId="0" fontId="25" fillId="0" borderId="14" xfId="2" quotePrefix="1" applyNumberFormat="1" applyFont="1" applyFill="1" applyBorder="1"/>
    <xf numFmtId="0" fontId="25" fillId="0" borderId="0" xfId="2" applyFont="1" applyFill="1" applyBorder="1"/>
    <xf numFmtId="0" fontId="25" fillId="0" borderId="16" xfId="2" quotePrefix="1" applyNumberFormat="1" applyFont="1" applyFill="1" applyBorder="1"/>
    <xf numFmtId="0" fontId="25" fillId="0" borderId="20" xfId="2" quotePrefix="1" applyNumberFormat="1" applyFont="1" applyFill="1" applyBorder="1"/>
    <xf numFmtId="0" fontId="28" fillId="0" borderId="18" xfId="2" quotePrefix="1" applyNumberFormat="1" applyFont="1" applyFill="1" applyBorder="1" applyAlignment="1">
      <alignment shrinkToFit="1"/>
    </xf>
    <xf numFmtId="0" fontId="25" fillId="0" borderId="28" xfId="2" applyFont="1" applyFill="1" applyBorder="1"/>
    <xf numFmtId="0" fontId="25" fillId="0" borderId="23" xfId="2" quotePrefix="1" applyNumberFormat="1" applyFont="1" applyFill="1" applyBorder="1"/>
    <xf numFmtId="0" fontId="25" fillId="0" borderId="16" xfId="2" quotePrefix="1" applyNumberFormat="1" applyFont="1" applyFill="1" applyBorder="1" applyAlignment="1">
      <alignment shrinkToFit="1"/>
    </xf>
    <xf numFmtId="0" fontId="25" fillId="0" borderId="18" xfId="2" quotePrefix="1" applyNumberFormat="1" applyFont="1" applyFill="1" applyBorder="1"/>
    <xf numFmtId="0" fontId="25" fillId="0" borderId="25" xfId="2" quotePrefix="1" applyNumberFormat="1" applyFont="1" applyFill="1" applyBorder="1"/>
    <xf numFmtId="0" fontId="25" fillId="0" borderId="9" xfId="2" quotePrefix="1" applyNumberFormat="1" applyFont="1" applyFill="1" applyBorder="1"/>
    <xf numFmtId="0" fontId="25" fillId="0" borderId="24" xfId="2" applyFont="1" applyFill="1" applyBorder="1"/>
    <xf numFmtId="176" fontId="26" fillId="0" borderId="11" xfId="1" applyNumberFormat="1" applyFont="1" applyFill="1" applyBorder="1" applyAlignment="1">
      <alignment vertical="center"/>
    </xf>
    <xf numFmtId="0" fontId="25" fillId="0" borderId="29" xfId="2" applyFont="1" applyFill="1" applyBorder="1"/>
    <xf numFmtId="0" fontId="17" fillId="0" borderId="14" xfId="2" applyFont="1" applyFill="1" applyBorder="1"/>
    <xf numFmtId="0" fontId="20" fillId="0" borderId="24" xfId="2" applyFont="1" applyFill="1" applyBorder="1"/>
    <xf numFmtId="176" fontId="17" fillId="0" borderId="24" xfId="2" applyNumberFormat="1" applyFont="1" applyFill="1" applyBorder="1"/>
    <xf numFmtId="0" fontId="25" fillId="0" borderId="22" xfId="2" applyFont="1" applyFill="1" applyBorder="1"/>
    <xf numFmtId="0" fontId="25" fillId="0" borderId="0" xfId="2" quotePrefix="1" applyNumberFormat="1" applyFont="1" applyFill="1" applyBorder="1"/>
    <xf numFmtId="0" fontId="17" fillId="0" borderId="17" xfId="2" quotePrefix="1" applyNumberFormat="1" applyFont="1" applyFill="1" applyBorder="1" applyAlignment="1">
      <alignment shrinkToFit="1"/>
    </xf>
    <xf numFmtId="0" fontId="25" fillId="0" borderId="20" xfId="2" quotePrefix="1" applyNumberFormat="1" applyFont="1" applyFill="1" applyBorder="1" applyAlignment="1">
      <alignment shrinkToFit="1"/>
    </xf>
    <xf numFmtId="0" fontId="17" fillId="0" borderId="17" xfId="2" quotePrefix="1" applyNumberFormat="1" applyFont="1" applyFill="1" applyBorder="1"/>
    <xf numFmtId="176" fontId="26" fillId="0" borderId="13" xfId="1" applyNumberFormat="1" applyFont="1" applyFill="1" applyBorder="1" applyAlignment="1">
      <alignment vertical="center"/>
    </xf>
    <xf numFmtId="0" fontId="17" fillId="0" borderId="24" xfId="2" applyFont="1" applyFill="1" applyBorder="1"/>
    <xf numFmtId="0" fontId="11" fillId="0" borderId="0" xfId="0" applyFont="1" applyBorder="1" applyAlignment="1">
      <alignment horizontal="centerContinuous" vertical="center"/>
    </xf>
    <xf numFmtId="0" fontId="0" fillId="0" borderId="0" xfId="0" applyBorder="1" applyAlignment="1">
      <alignment vertical="center"/>
    </xf>
    <xf numFmtId="0" fontId="13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0" fillId="0" borderId="0" xfId="0" applyFont="1" applyBorder="1" applyAlignment="1">
      <alignment horizontal="justify" vertical="center"/>
    </xf>
    <xf numFmtId="0" fontId="9" fillId="0" borderId="0" xfId="0" applyFont="1" applyBorder="1" applyAlignment="1">
      <alignment horizontal="justify" vertical="center"/>
    </xf>
    <xf numFmtId="0" fontId="6" fillId="0" borderId="0" xfId="0" applyFont="1" applyBorder="1" applyAlignment="1">
      <alignment horizontal="left" vertical="center"/>
    </xf>
    <xf numFmtId="0" fontId="6" fillId="0" borderId="0" xfId="0" applyFont="1" applyBorder="1" applyAlignment="1">
      <alignment vertical="center"/>
    </xf>
    <xf numFmtId="0" fontId="8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5" fillId="0" borderId="0" xfId="0" applyFont="1" applyBorder="1" applyAlignment="1">
      <alignment vertical="center"/>
    </xf>
    <xf numFmtId="0" fontId="7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8" fillId="0" borderId="0" xfId="2" applyFont="1" applyFill="1" applyAlignment="1"/>
    <xf numFmtId="0" fontId="19" fillId="0" borderId="0" xfId="0" applyFont="1" applyFill="1" applyAlignment="1"/>
    <xf numFmtId="0" fontId="24" fillId="0" borderId="4" xfId="2" applyNumberFormat="1" applyFont="1" applyFill="1" applyBorder="1" applyAlignment="1">
      <alignment horizontal="center" vertical="center"/>
    </xf>
    <xf numFmtId="0" fontId="14" fillId="0" borderId="5" xfId="1" applyFill="1" applyBorder="1" applyAlignment="1">
      <alignment horizontal="center" vertical="center"/>
    </xf>
    <xf numFmtId="176" fontId="15" fillId="0" borderId="0" xfId="2" applyNumberFormat="1" applyFont="1" applyFill="1" applyAlignment="1"/>
    <xf numFmtId="0" fontId="15" fillId="0" borderId="0" xfId="2" applyNumberFormat="1" applyFont="1" applyFill="1" applyAlignment="1">
      <alignment horizontal="right"/>
    </xf>
  </cellXfs>
  <cellStyles count="3">
    <cellStyle name="標準" xfId="0" builtinId="0"/>
    <cellStyle name="標準 2" xfId="1" xr:uid="{00000000-0005-0000-0000-000001000000}"/>
    <cellStyle name="標準_chubunrui" xfId="2" xr:uid="{00000000-0005-0000-0000-000002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T124"/>
  <sheetViews>
    <sheetView tabSelected="1" zoomScaleNormal="100" workbookViewId="0"/>
  </sheetViews>
  <sheetFormatPr defaultRowHeight="14.4" x14ac:dyDescent="0.2"/>
  <cols>
    <col min="1" max="1" width="4.19921875" customWidth="1"/>
    <col min="2" max="2" width="9.19921875" customWidth="1"/>
    <col min="3" max="13" width="6.69921875" customWidth="1"/>
    <col min="14" max="14" width="6.59765625" customWidth="1"/>
    <col min="15" max="20" width="5.59765625" customWidth="1"/>
  </cols>
  <sheetData>
    <row r="1" spans="1:16" x14ac:dyDescent="0.2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 x14ac:dyDescent="0.2">
      <c r="A2" s="102" t="s">
        <v>90</v>
      </c>
      <c r="B2" s="102"/>
      <c r="C2" s="102"/>
      <c r="D2" s="102"/>
      <c r="E2" s="102"/>
      <c r="F2" s="102"/>
      <c r="G2" s="102"/>
      <c r="H2" s="102"/>
      <c r="I2" s="102"/>
      <c r="J2" s="102"/>
      <c r="K2" s="102"/>
      <c r="L2" s="102"/>
      <c r="M2" s="102"/>
      <c r="N2" s="102"/>
      <c r="O2" s="20"/>
      <c r="P2" s="20"/>
    </row>
    <row r="3" spans="1:16" ht="20.100000000000001" customHeight="1" x14ac:dyDescent="0.2">
      <c r="A3" s="24"/>
      <c r="B3" s="24"/>
      <c r="C3" s="24"/>
      <c r="D3" s="24"/>
      <c r="E3" s="24"/>
      <c r="F3" s="24"/>
      <c r="G3" s="24"/>
      <c r="H3" s="24"/>
      <c r="I3" s="24"/>
      <c r="J3" s="24"/>
      <c r="K3" s="24"/>
      <c r="L3" s="24"/>
      <c r="M3" s="24"/>
      <c r="N3" s="1"/>
    </row>
    <row r="4" spans="1:16" ht="20.100000000000001" customHeight="1" x14ac:dyDescent="0.2">
      <c r="A4" s="103" t="s">
        <v>85</v>
      </c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  <c r="M4" s="103"/>
      <c r="N4" s="103"/>
      <c r="O4" s="20"/>
      <c r="P4" s="20"/>
    </row>
    <row r="5" spans="1:16" ht="20.100000000000001" customHeight="1" x14ac:dyDescent="0.2">
      <c r="A5" s="23"/>
      <c r="B5" s="22"/>
      <c r="C5" s="22"/>
      <c r="D5" s="22"/>
      <c r="E5" s="22"/>
      <c r="F5" s="22"/>
      <c r="G5" s="22"/>
      <c r="H5" s="22"/>
      <c r="I5" s="22"/>
      <c r="J5" s="22"/>
      <c r="K5" s="22"/>
      <c r="L5" s="18"/>
      <c r="M5" s="22"/>
      <c r="N5" s="22"/>
    </row>
    <row r="6" spans="1:16" ht="20.100000000000001" customHeight="1" x14ac:dyDescent="0.2">
      <c r="A6" s="100" t="s">
        <v>93</v>
      </c>
      <c r="B6" s="100"/>
      <c r="C6" s="100"/>
      <c r="D6" s="100"/>
      <c r="E6" s="100"/>
      <c r="F6" s="100"/>
      <c r="G6" s="100"/>
      <c r="H6" s="100"/>
      <c r="I6" s="100"/>
      <c r="J6" s="100"/>
      <c r="K6" s="100"/>
      <c r="L6" s="100"/>
      <c r="M6" s="100"/>
      <c r="N6" s="100"/>
      <c r="O6" s="20"/>
      <c r="P6" s="20"/>
    </row>
    <row r="7" spans="1:16" x14ac:dyDescent="0.2">
      <c r="A7" s="21"/>
      <c r="B7" s="13"/>
      <c r="C7" s="13"/>
      <c r="D7" s="13"/>
      <c r="E7" s="13"/>
      <c r="F7" s="13"/>
      <c r="G7" s="13"/>
      <c r="H7" s="1"/>
      <c r="I7" s="1"/>
      <c r="J7" s="1"/>
      <c r="K7" s="1"/>
      <c r="L7" s="1"/>
      <c r="M7" s="1"/>
      <c r="N7" s="1"/>
    </row>
    <row r="8" spans="1:16" x14ac:dyDescent="0.2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 x14ac:dyDescent="0.2">
      <c r="A9" s="101" t="s">
        <v>19</v>
      </c>
      <c r="B9" s="101"/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20"/>
      <c r="P9" s="20"/>
    </row>
    <row r="10" spans="1:16" ht="22.2" customHeight="1" x14ac:dyDescent="0.2">
      <c r="A10" s="104" t="s">
        <v>94</v>
      </c>
      <c r="B10" s="101"/>
      <c r="C10" s="101"/>
      <c r="D10" s="101"/>
      <c r="E10" s="101"/>
      <c r="F10" s="101"/>
      <c r="G10" s="101"/>
      <c r="H10" s="101"/>
      <c r="I10" s="101"/>
      <c r="J10" s="101"/>
      <c r="K10" s="101"/>
      <c r="L10" s="101"/>
      <c r="M10" s="101"/>
      <c r="N10" s="101"/>
      <c r="O10" s="20"/>
      <c r="P10" s="20"/>
    </row>
    <row r="11" spans="1:16" ht="22.2" customHeight="1" x14ac:dyDescent="0.2">
      <c r="A11" s="105" t="s">
        <v>92</v>
      </c>
      <c r="B11" s="101"/>
      <c r="C11" s="101"/>
      <c r="D11" s="101"/>
      <c r="E11" s="101"/>
      <c r="F11" s="101"/>
      <c r="G11" s="101"/>
      <c r="H11" s="101"/>
      <c r="I11" s="101"/>
      <c r="J11" s="101"/>
      <c r="K11" s="101"/>
      <c r="L11" s="101"/>
      <c r="M11" s="101"/>
      <c r="N11" s="101"/>
      <c r="O11" s="14"/>
      <c r="P11" s="14"/>
    </row>
    <row r="12" spans="1:16" ht="22.2" customHeight="1" x14ac:dyDescent="0.2">
      <c r="A12" s="106" t="s">
        <v>95</v>
      </c>
      <c r="B12" s="101"/>
      <c r="C12" s="101"/>
      <c r="D12" s="101"/>
      <c r="E12" s="101"/>
      <c r="F12" s="101"/>
      <c r="G12" s="101"/>
      <c r="H12" s="101"/>
      <c r="I12" s="101"/>
      <c r="J12" s="101"/>
      <c r="K12" s="101"/>
      <c r="L12" s="101"/>
      <c r="M12" s="101"/>
      <c r="N12" s="101"/>
      <c r="O12" s="14"/>
      <c r="P12" s="14"/>
    </row>
    <row r="13" spans="1:16" ht="22.2" customHeight="1" x14ac:dyDescent="0.2">
      <c r="A13" s="105" t="s">
        <v>96</v>
      </c>
      <c r="B13" s="101"/>
      <c r="C13" s="101"/>
      <c r="D13" s="101"/>
      <c r="E13" s="101"/>
      <c r="F13" s="101"/>
      <c r="G13" s="101"/>
      <c r="H13" s="101"/>
      <c r="I13" s="101"/>
      <c r="J13" s="101"/>
      <c r="K13" s="101"/>
      <c r="L13" s="101"/>
      <c r="M13" s="101"/>
      <c r="N13" s="101"/>
      <c r="O13" s="14"/>
      <c r="P13" s="14"/>
    </row>
    <row r="14" spans="1:16" ht="22.2" customHeight="1" x14ac:dyDescent="0.2">
      <c r="A14" s="107" t="s">
        <v>97</v>
      </c>
      <c r="B14" s="101"/>
      <c r="C14" s="101"/>
      <c r="D14" s="101"/>
      <c r="E14" s="101"/>
      <c r="F14" s="101"/>
      <c r="G14" s="101"/>
      <c r="H14" s="101"/>
      <c r="I14" s="101"/>
      <c r="J14" s="101"/>
      <c r="K14" s="101"/>
      <c r="L14" s="101"/>
      <c r="M14" s="101"/>
      <c r="N14" s="101"/>
      <c r="O14" s="14"/>
      <c r="P14" s="14"/>
    </row>
    <row r="15" spans="1:16" ht="22.2" customHeight="1" x14ac:dyDescent="0.2">
      <c r="A15" s="105" t="s">
        <v>98</v>
      </c>
      <c r="B15" s="101"/>
      <c r="C15" s="101"/>
      <c r="D15" s="101"/>
      <c r="E15" s="101"/>
      <c r="F15" s="101"/>
      <c r="G15" s="101"/>
      <c r="H15" s="101"/>
      <c r="I15" s="101"/>
      <c r="J15" s="101"/>
      <c r="K15" s="101"/>
      <c r="L15" s="101"/>
      <c r="M15" s="101"/>
      <c r="N15" s="101"/>
      <c r="O15" s="14"/>
      <c r="P15" s="14"/>
    </row>
    <row r="16" spans="1:16" x14ac:dyDescent="0.2">
      <c r="A16" s="101" t="s">
        <v>18</v>
      </c>
      <c r="B16" s="101"/>
      <c r="C16" s="101"/>
      <c r="D16" s="101"/>
      <c r="E16" s="101"/>
      <c r="F16" s="101"/>
      <c r="G16" s="101"/>
      <c r="H16" s="101"/>
      <c r="I16" s="101"/>
      <c r="J16" s="101"/>
      <c r="K16" s="101"/>
      <c r="L16" s="101"/>
      <c r="M16" s="101"/>
      <c r="N16" s="101"/>
      <c r="O16" s="20"/>
      <c r="P16" s="20"/>
    </row>
    <row r="17" spans="1:20" x14ac:dyDescent="0.2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 x14ac:dyDescent="0.2">
      <c r="A18" s="107" t="s">
        <v>17</v>
      </c>
      <c r="B18" s="101"/>
      <c r="C18" s="101"/>
      <c r="D18" s="101"/>
      <c r="E18" s="101"/>
      <c r="F18" s="101"/>
      <c r="G18" s="101"/>
      <c r="H18" s="101"/>
      <c r="I18" s="101"/>
      <c r="J18" s="101"/>
      <c r="K18" s="101"/>
      <c r="L18" s="101"/>
      <c r="M18" s="101"/>
      <c r="N18" s="101"/>
      <c r="O18" s="19"/>
      <c r="P18" s="19"/>
    </row>
    <row r="19" spans="1:20" ht="20.100000000000001" customHeight="1" x14ac:dyDescent="0.2">
      <c r="A19" s="108" t="s">
        <v>16</v>
      </c>
      <c r="B19" s="109"/>
      <c r="C19" s="109"/>
      <c r="D19" s="109"/>
      <c r="E19" s="109"/>
      <c r="F19" s="109"/>
      <c r="G19" s="109"/>
      <c r="H19" s="109"/>
      <c r="I19" s="109"/>
      <c r="J19" s="109"/>
      <c r="K19" s="109"/>
      <c r="L19" s="109"/>
      <c r="M19" s="109"/>
      <c r="N19" s="109"/>
      <c r="O19" s="14"/>
      <c r="P19" s="14"/>
    </row>
    <row r="20" spans="1:20" ht="20.100000000000001" customHeight="1" x14ac:dyDescent="0.2">
      <c r="A20" s="108" t="s">
        <v>87</v>
      </c>
      <c r="B20" s="110"/>
      <c r="C20" s="110"/>
      <c r="D20" s="110"/>
      <c r="E20" s="110"/>
      <c r="F20" s="110"/>
      <c r="G20" s="110"/>
      <c r="H20" s="110"/>
      <c r="I20" s="110"/>
      <c r="J20" s="110"/>
      <c r="K20" s="110"/>
      <c r="L20" s="110"/>
      <c r="M20" s="110"/>
      <c r="N20" s="101"/>
      <c r="O20" s="14"/>
      <c r="P20" s="14"/>
    </row>
    <row r="21" spans="1:20" ht="20.100000000000001" customHeight="1" x14ac:dyDescent="0.2">
      <c r="A21" s="112" t="s">
        <v>88</v>
      </c>
      <c r="B21" s="112"/>
      <c r="C21" s="112"/>
      <c r="D21" s="112"/>
      <c r="E21" s="112"/>
      <c r="F21" s="112"/>
      <c r="G21" s="112"/>
      <c r="H21" s="112"/>
      <c r="I21" s="112"/>
      <c r="J21" s="112"/>
      <c r="K21" s="112"/>
      <c r="L21" s="112"/>
      <c r="M21" s="112"/>
      <c r="N21" s="112"/>
      <c r="O21" s="14"/>
      <c r="P21" s="14"/>
    </row>
    <row r="22" spans="1:20" ht="20.100000000000001" customHeight="1" x14ac:dyDescent="0.2">
      <c r="A22" s="112" t="s">
        <v>89</v>
      </c>
      <c r="B22" s="112"/>
      <c r="C22" s="112"/>
      <c r="D22" s="112"/>
      <c r="E22" s="112"/>
      <c r="F22" s="112"/>
      <c r="G22" s="112"/>
      <c r="H22" s="112"/>
      <c r="I22" s="112"/>
      <c r="J22" s="112"/>
      <c r="K22" s="112"/>
      <c r="L22" s="112"/>
      <c r="M22" s="112"/>
      <c r="N22" s="112"/>
      <c r="O22" s="14"/>
      <c r="P22" s="14"/>
    </row>
    <row r="23" spans="1:20" ht="20.100000000000001" customHeight="1" x14ac:dyDescent="0.2">
      <c r="A23" s="108" t="s">
        <v>15</v>
      </c>
      <c r="B23" s="108"/>
      <c r="C23" s="108"/>
      <c r="D23" s="108"/>
      <c r="E23" s="108"/>
      <c r="F23" s="108"/>
      <c r="G23" s="108"/>
      <c r="H23" s="108"/>
      <c r="I23" s="108"/>
      <c r="J23" s="108"/>
      <c r="K23" s="108"/>
      <c r="L23" s="108"/>
      <c r="M23" s="108"/>
      <c r="N23" s="108"/>
      <c r="O23" s="14"/>
      <c r="P23" s="14"/>
    </row>
    <row r="24" spans="1:20" ht="18" customHeight="1" x14ac:dyDescent="0.2">
      <c r="A24" s="108" t="s">
        <v>82</v>
      </c>
      <c r="B24" s="108"/>
      <c r="C24" s="108"/>
      <c r="D24" s="108"/>
      <c r="E24" s="108"/>
      <c r="F24" s="108"/>
      <c r="G24" s="108"/>
      <c r="H24" s="108"/>
      <c r="I24" s="108"/>
      <c r="J24" s="108"/>
      <c r="K24" s="108"/>
      <c r="L24" s="108"/>
      <c r="M24" s="108"/>
      <c r="N24" s="108"/>
      <c r="O24" s="14"/>
      <c r="P24" s="14"/>
    </row>
    <row r="25" spans="1:20" ht="18" customHeight="1" x14ac:dyDescent="0.2">
      <c r="A25" s="39"/>
      <c r="B25" s="40"/>
      <c r="C25" s="40"/>
      <c r="D25" s="40"/>
      <c r="E25" s="40"/>
      <c r="F25" s="40"/>
      <c r="G25" s="40"/>
      <c r="H25" s="40"/>
      <c r="I25" s="40"/>
      <c r="J25" s="40"/>
      <c r="K25" s="40"/>
      <c r="L25" s="40"/>
      <c r="M25" s="40"/>
      <c r="N25" s="41"/>
      <c r="O25" s="14"/>
      <c r="P25" s="14"/>
    </row>
    <row r="26" spans="1:20" x14ac:dyDescent="0.2">
      <c r="A26" s="17"/>
      <c r="B26" s="17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6"/>
      <c r="P26" s="16"/>
    </row>
    <row r="27" spans="1:20" ht="20.100000000000001" customHeight="1" x14ac:dyDescent="0.2">
      <c r="A27" s="111" t="s">
        <v>14</v>
      </c>
      <c r="B27" s="101"/>
      <c r="C27" s="101"/>
      <c r="D27" s="101"/>
      <c r="E27" s="101"/>
      <c r="F27" s="101"/>
      <c r="G27" s="101"/>
      <c r="H27" s="101"/>
      <c r="I27" s="101"/>
      <c r="J27" s="101"/>
      <c r="K27" s="101"/>
      <c r="L27" s="101"/>
      <c r="M27" s="101"/>
      <c r="N27" s="101"/>
      <c r="O27" s="15"/>
      <c r="P27" s="15"/>
    </row>
    <row r="28" spans="1:20" ht="20.100000000000001" customHeight="1" x14ac:dyDescent="0.2">
      <c r="A28" s="107" t="s">
        <v>86</v>
      </c>
      <c r="B28" s="107"/>
      <c r="C28" s="107"/>
      <c r="D28" s="107"/>
      <c r="E28" s="107"/>
      <c r="F28" s="107"/>
      <c r="G28" s="107"/>
      <c r="H28" s="107"/>
      <c r="I28" s="107"/>
      <c r="J28" s="107"/>
      <c r="K28" s="107"/>
      <c r="L28" s="107"/>
      <c r="M28" s="107"/>
      <c r="N28" s="101"/>
      <c r="O28" s="14"/>
      <c r="P28" s="14"/>
      <c r="Q28" s="1"/>
      <c r="R28" s="1"/>
      <c r="S28" s="1"/>
      <c r="T28" s="1"/>
    </row>
    <row r="29" spans="1:20" x14ac:dyDescent="0.2">
      <c r="A29" s="13"/>
      <c r="B29" s="13"/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"/>
      <c r="P29" s="1"/>
      <c r="Q29" s="1"/>
      <c r="R29" s="1"/>
      <c r="S29" s="1"/>
      <c r="T29" s="1"/>
    </row>
    <row r="30" spans="1:20" ht="36" customHeight="1" x14ac:dyDescent="0.2">
      <c r="A30" s="1"/>
      <c r="B30" s="10" t="s">
        <v>13</v>
      </c>
      <c r="C30" s="12" t="s">
        <v>12</v>
      </c>
      <c r="D30" s="11" t="s">
        <v>11</v>
      </c>
      <c r="E30" s="10" t="s">
        <v>10</v>
      </c>
      <c r="F30" s="10" t="s">
        <v>9</v>
      </c>
      <c r="G30" s="10" t="s">
        <v>8</v>
      </c>
      <c r="H30" s="10" t="s">
        <v>7</v>
      </c>
      <c r="I30" s="10" t="s">
        <v>6</v>
      </c>
      <c r="J30" s="10" t="s">
        <v>5</v>
      </c>
      <c r="K30" s="10" t="s">
        <v>4</v>
      </c>
      <c r="L30" s="10" t="s">
        <v>3</v>
      </c>
      <c r="M30" s="10" t="s">
        <v>2</v>
      </c>
      <c r="N30" s="1"/>
      <c r="O30" s="1"/>
      <c r="P30" s="1"/>
      <c r="Q30" s="1"/>
      <c r="R30" s="1"/>
      <c r="S30" s="1"/>
      <c r="T30" s="1"/>
    </row>
    <row r="31" spans="1:20" ht="23.1" customHeight="1" x14ac:dyDescent="0.2">
      <c r="A31" s="1"/>
      <c r="B31" s="9" t="s">
        <v>1</v>
      </c>
      <c r="C31" s="6">
        <f>中分類指数!C6</f>
        <v>114.2</v>
      </c>
      <c r="D31" s="5">
        <f>中分類指数!C7</f>
        <v>130.19999999999999</v>
      </c>
      <c r="E31" s="3">
        <f>中分類指数!C20</f>
        <v>105.7</v>
      </c>
      <c r="F31" s="4">
        <f>中分類指数!C23</f>
        <v>124.1</v>
      </c>
      <c r="G31" s="4">
        <f>中分類指数!C28</f>
        <v>119.9</v>
      </c>
      <c r="H31" s="4">
        <f>中分類指数!C35</f>
        <v>107.4</v>
      </c>
      <c r="I31" s="4">
        <f>中分類指数!C41</f>
        <v>102.8</v>
      </c>
      <c r="J31" s="4">
        <f>中分類指数!C45</f>
        <v>100.7</v>
      </c>
      <c r="K31" s="4">
        <f>中分類指数!I6</f>
        <v>97.2</v>
      </c>
      <c r="L31" s="4">
        <f>中分類指数!I10</f>
        <v>116.7</v>
      </c>
      <c r="M31" s="2">
        <f>中分類指数!I15</f>
        <v>107.6</v>
      </c>
      <c r="N31" s="1"/>
    </row>
    <row r="32" spans="1:20" ht="22.5" customHeight="1" x14ac:dyDescent="0.2">
      <c r="A32" s="1"/>
      <c r="B32" s="7" t="s">
        <v>0</v>
      </c>
      <c r="C32" s="6">
        <f>中分類指数!D6</f>
        <v>0.5</v>
      </c>
      <c r="D32" s="5">
        <f>中分類指数!D7</f>
        <v>0.1</v>
      </c>
      <c r="E32" s="2">
        <f>中分類指数!D20</f>
        <v>0.2</v>
      </c>
      <c r="F32" s="3">
        <f>中分類指数!D23</f>
        <v>4.2</v>
      </c>
      <c r="G32" s="3">
        <f>中分類指数!D28</f>
        <v>2.5</v>
      </c>
      <c r="H32" s="3">
        <f>中分類指数!D35</f>
        <v>0.4</v>
      </c>
      <c r="I32" s="3">
        <f>中分類指数!D41</f>
        <v>0.2</v>
      </c>
      <c r="J32" s="3">
        <f>中分類指数!D45</f>
        <v>0.1</v>
      </c>
      <c r="K32" s="3">
        <f>中分類指数!J6</f>
        <v>0</v>
      </c>
      <c r="L32" s="3">
        <f>中分類指数!J10</f>
        <v>0.5</v>
      </c>
      <c r="M32" s="8">
        <f>中分類指数!J15</f>
        <v>0.1</v>
      </c>
      <c r="N32" s="1"/>
    </row>
    <row r="33" spans="1:14" ht="26.25" customHeight="1" x14ac:dyDescent="0.2">
      <c r="A33" s="1"/>
      <c r="B33" s="7" t="s">
        <v>83</v>
      </c>
      <c r="C33" s="6">
        <f>中分類指数!E6</f>
        <v>2</v>
      </c>
      <c r="D33" s="5">
        <f>中分類指数!E7</f>
        <v>4.3</v>
      </c>
      <c r="E33" s="2">
        <f>中分類指数!E20</f>
        <v>1.9</v>
      </c>
      <c r="F33" s="4">
        <f>中分類指数!E23</f>
        <v>0.3</v>
      </c>
      <c r="G33" s="4">
        <f>中分類指数!E28</f>
        <v>0.7</v>
      </c>
      <c r="H33" s="4">
        <f>中分類指数!E35</f>
        <v>0.6</v>
      </c>
      <c r="I33" s="3">
        <f>中分類指数!E41</f>
        <v>-1.1000000000000001</v>
      </c>
      <c r="J33" s="4">
        <f>中分類指数!E45</f>
        <v>2.1</v>
      </c>
      <c r="K33" s="4">
        <f>中分類指数!K6</f>
        <v>-4.9000000000000004</v>
      </c>
      <c r="L33" s="3">
        <f>中分類指数!K10</f>
        <v>1.1000000000000001</v>
      </c>
      <c r="M33" s="2">
        <f>中分類指数!K15</f>
        <v>0.8</v>
      </c>
      <c r="N33" s="1"/>
    </row>
    <row r="34" spans="1:14" x14ac:dyDescent="0.2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 x14ac:dyDescent="0.2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 x14ac:dyDescent="0.2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 x14ac:dyDescent="0.2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 x14ac:dyDescent="0.2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 x14ac:dyDescent="0.2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 x14ac:dyDescent="0.2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 x14ac:dyDescent="0.2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 x14ac:dyDescent="0.2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 x14ac:dyDescent="0.2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 x14ac:dyDescent="0.2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 x14ac:dyDescent="0.2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 x14ac:dyDescent="0.2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 x14ac:dyDescent="0.2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 x14ac:dyDescent="0.2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 x14ac:dyDescent="0.2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 x14ac:dyDescent="0.2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 x14ac:dyDescent="0.2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 x14ac:dyDescent="0.2"/>
    <row r="68" ht="12.75" customHeight="1" x14ac:dyDescent="0.2"/>
    <row r="69" ht="12.75" customHeight="1" x14ac:dyDescent="0.2"/>
    <row r="70" ht="12.75" customHeight="1" x14ac:dyDescent="0.2"/>
    <row r="71" ht="12.75" customHeight="1" x14ac:dyDescent="0.2"/>
    <row r="72" ht="12.75" customHeight="1" x14ac:dyDescent="0.2"/>
    <row r="73" ht="12.75" customHeight="1" x14ac:dyDescent="0.2"/>
    <row r="74" ht="12.75" customHeight="1" x14ac:dyDescent="0.2"/>
    <row r="75" ht="12.75" customHeight="1" x14ac:dyDescent="0.2"/>
    <row r="76" ht="12.75" customHeight="1" x14ac:dyDescent="0.2"/>
    <row r="77" ht="12.75" customHeight="1" x14ac:dyDescent="0.2"/>
    <row r="78" ht="12.75" customHeight="1" x14ac:dyDescent="0.2"/>
    <row r="79" ht="12.75" customHeight="1" x14ac:dyDescent="0.2"/>
    <row r="80" ht="12.75" customHeight="1" x14ac:dyDescent="0.2"/>
    <row r="81" ht="12.75" customHeight="1" x14ac:dyDescent="0.2"/>
    <row r="82" ht="12.75" customHeight="1" x14ac:dyDescent="0.2"/>
    <row r="83" ht="12.75" customHeight="1" x14ac:dyDescent="0.2"/>
    <row r="84" ht="12.75" customHeight="1" x14ac:dyDescent="0.2"/>
    <row r="85" ht="12.75" customHeight="1" x14ac:dyDescent="0.2"/>
    <row r="86" ht="12.75" customHeight="1" x14ac:dyDescent="0.2"/>
    <row r="87" ht="12.75" customHeight="1" x14ac:dyDescent="0.2"/>
    <row r="88" ht="12.75" customHeight="1" x14ac:dyDescent="0.2"/>
    <row r="89" ht="12.75" customHeight="1" x14ac:dyDescent="0.2"/>
    <row r="90" ht="12.75" customHeight="1" x14ac:dyDescent="0.2"/>
    <row r="91" ht="12.75" customHeight="1" x14ac:dyDescent="0.2"/>
    <row r="92" ht="12.75" customHeight="1" x14ac:dyDescent="0.2"/>
    <row r="93" ht="12.75" customHeight="1" x14ac:dyDescent="0.2"/>
    <row r="94" ht="12.75" customHeight="1" x14ac:dyDescent="0.2"/>
    <row r="95" ht="12.75" customHeight="1" x14ac:dyDescent="0.2"/>
    <row r="96" ht="12.75" customHeight="1" x14ac:dyDescent="0.2"/>
    <row r="97" ht="12.75" customHeight="1" x14ac:dyDescent="0.2"/>
    <row r="98" ht="12.75" customHeight="1" x14ac:dyDescent="0.2"/>
    <row r="99" ht="12.75" customHeight="1" x14ac:dyDescent="0.2"/>
    <row r="100" ht="12.75" customHeight="1" x14ac:dyDescent="0.2"/>
    <row r="101" ht="12.75" customHeight="1" x14ac:dyDescent="0.2"/>
    <row r="102" ht="12.75" customHeight="1" x14ac:dyDescent="0.2"/>
    <row r="103" ht="12.75" customHeight="1" x14ac:dyDescent="0.2"/>
    <row r="104" ht="12.75" customHeight="1" x14ac:dyDescent="0.2"/>
    <row r="105" ht="12.75" customHeight="1" x14ac:dyDescent="0.2"/>
    <row r="106" ht="12.75" customHeight="1" x14ac:dyDescent="0.2"/>
    <row r="107" ht="12.75" customHeight="1" x14ac:dyDescent="0.2"/>
    <row r="108" ht="12.75" customHeight="1" x14ac:dyDescent="0.2"/>
    <row r="109" ht="12.75" customHeight="1" x14ac:dyDescent="0.2"/>
    <row r="110" ht="12.75" customHeight="1" x14ac:dyDescent="0.2"/>
    <row r="111" ht="12.75" customHeight="1" x14ac:dyDescent="0.2"/>
    <row r="112" ht="12.75" customHeight="1" x14ac:dyDescent="0.2"/>
    <row r="113" ht="12.75" customHeight="1" x14ac:dyDescent="0.2"/>
    <row r="114" ht="12.75" customHeight="1" x14ac:dyDescent="0.2"/>
    <row r="115" ht="12.75" customHeight="1" x14ac:dyDescent="0.2"/>
    <row r="116" ht="12.75" customHeight="1" x14ac:dyDescent="0.2"/>
    <row r="117" ht="12.75" customHeight="1" x14ac:dyDescent="0.2"/>
    <row r="118" ht="12.75" customHeight="1" x14ac:dyDescent="0.2"/>
    <row r="119" ht="12.75" customHeight="1" x14ac:dyDescent="0.2"/>
    <row r="120" ht="12.75" customHeight="1" x14ac:dyDescent="0.2"/>
    <row r="121" ht="12.75" customHeight="1" x14ac:dyDescent="0.2"/>
    <row r="122" ht="12.75" customHeight="1" x14ac:dyDescent="0.2"/>
    <row r="123" ht="12.75" customHeight="1" x14ac:dyDescent="0.2"/>
    <row r="124" ht="12.75" customHeight="1" x14ac:dyDescent="0.2"/>
  </sheetData>
  <mergeCells count="19">
    <mergeCell ref="A28:N28"/>
    <mergeCell ref="A18:N18"/>
    <mergeCell ref="A19:N19"/>
    <mergeCell ref="A20:N20"/>
    <mergeCell ref="A27:N27"/>
    <mergeCell ref="A21:N21"/>
    <mergeCell ref="A22:N22"/>
    <mergeCell ref="A23:N23"/>
    <mergeCell ref="A24:N24"/>
    <mergeCell ref="A12:N12"/>
    <mergeCell ref="A13:N13"/>
    <mergeCell ref="A14:N14"/>
    <mergeCell ref="A15:N15"/>
    <mergeCell ref="A16:N16"/>
    <mergeCell ref="A9:N9"/>
    <mergeCell ref="A2:N2"/>
    <mergeCell ref="A4:N4"/>
    <mergeCell ref="A10:N10"/>
    <mergeCell ref="A11:N11"/>
  </mergeCells>
  <phoneticPr fontId="1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K58"/>
  <sheetViews>
    <sheetView zoomScaleNormal="100" zoomScaleSheetLayoutView="100" workbookViewId="0">
      <selection sqref="A1:I1"/>
    </sheetView>
  </sheetViews>
  <sheetFormatPr defaultRowHeight="12" x14ac:dyDescent="0.15"/>
  <cols>
    <col min="1" max="1" width="2.5" style="33" customWidth="1"/>
    <col min="2" max="2" width="16.5" style="33" customWidth="1"/>
    <col min="3" max="5" width="9.59765625" style="58" customWidth="1"/>
    <col min="6" max="7" width="2.19921875" style="33" customWidth="1"/>
    <col min="8" max="8" width="16.5" style="33" customWidth="1"/>
    <col min="9" max="11" width="9.59765625" style="58" customWidth="1"/>
    <col min="12" max="154" width="9" style="33"/>
    <col min="155" max="155" width="5.19921875" style="33" customWidth="1"/>
    <col min="156" max="156" width="16.69921875" style="33" customWidth="1"/>
    <col min="157" max="159" width="6.19921875" style="33" customWidth="1"/>
    <col min="160" max="160" width="2.19921875" style="33" customWidth="1"/>
    <col min="161" max="161" width="5.19921875" style="33" customWidth="1"/>
    <col min="162" max="162" width="16.69921875" style="33" customWidth="1"/>
    <col min="163" max="165" width="6.19921875" style="33" customWidth="1"/>
    <col min="166" max="410" width="9" style="33"/>
    <col min="411" max="411" width="5.19921875" style="33" customWidth="1"/>
    <col min="412" max="412" width="16.69921875" style="33" customWidth="1"/>
    <col min="413" max="415" width="6.19921875" style="33" customWidth="1"/>
    <col min="416" max="416" width="2.19921875" style="33" customWidth="1"/>
    <col min="417" max="417" width="5.19921875" style="33" customWidth="1"/>
    <col min="418" max="418" width="16.69921875" style="33" customWidth="1"/>
    <col min="419" max="421" width="6.19921875" style="33" customWidth="1"/>
    <col min="422" max="666" width="9" style="33"/>
    <col min="667" max="667" width="5.19921875" style="33" customWidth="1"/>
    <col min="668" max="668" width="16.69921875" style="33" customWidth="1"/>
    <col min="669" max="671" width="6.19921875" style="33" customWidth="1"/>
    <col min="672" max="672" width="2.19921875" style="33" customWidth="1"/>
    <col min="673" max="673" width="5.19921875" style="33" customWidth="1"/>
    <col min="674" max="674" width="16.69921875" style="33" customWidth="1"/>
    <col min="675" max="677" width="6.19921875" style="33" customWidth="1"/>
    <col min="678" max="922" width="9" style="33"/>
    <col min="923" max="923" width="5.19921875" style="33" customWidth="1"/>
    <col min="924" max="924" width="16.69921875" style="33" customWidth="1"/>
    <col min="925" max="927" width="6.19921875" style="33" customWidth="1"/>
    <col min="928" max="928" width="2.19921875" style="33" customWidth="1"/>
    <col min="929" max="929" width="5.19921875" style="33" customWidth="1"/>
    <col min="930" max="930" width="16.69921875" style="33" customWidth="1"/>
    <col min="931" max="933" width="6.19921875" style="33" customWidth="1"/>
    <col min="934" max="1178" width="9" style="33"/>
    <col min="1179" max="1179" width="5.19921875" style="33" customWidth="1"/>
    <col min="1180" max="1180" width="16.69921875" style="33" customWidth="1"/>
    <col min="1181" max="1183" width="6.19921875" style="33" customWidth="1"/>
    <col min="1184" max="1184" width="2.19921875" style="33" customWidth="1"/>
    <col min="1185" max="1185" width="5.19921875" style="33" customWidth="1"/>
    <col min="1186" max="1186" width="16.69921875" style="33" customWidth="1"/>
    <col min="1187" max="1189" width="6.19921875" style="33" customWidth="1"/>
    <col min="1190" max="1434" width="9" style="33"/>
    <col min="1435" max="1435" width="5.19921875" style="33" customWidth="1"/>
    <col min="1436" max="1436" width="16.69921875" style="33" customWidth="1"/>
    <col min="1437" max="1439" width="6.19921875" style="33" customWidth="1"/>
    <col min="1440" max="1440" width="2.19921875" style="33" customWidth="1"/>
    <col min="1441" max="1441" width="5.19921875" style="33" customWidth="1"/>
    <col min="1442" max="1442" width="16.69921875" style="33" customWidth="1"/>
    <col min="1443" max="1445" width="6.19921875" style="33" customWidth="1"/>
    <col min="1446" max="1690" width="9" style="33"/>
    <col min="1691" max="1691" width="5.19921875" style="33" customWidth="1"/>
    <col min="1692" max="1692" width="16.69921875" style="33" customWidth="1"/>
    <col min="1693" max="1695" width="6.19921875" style="33" customWidth="1"/>
    <col min="1696" max="1696" width="2.19921875" style="33" customWidth="1"/>
    <col min="1697" max="1697" width="5.19921875" style="33" customWidth="1"/>
    <col min="1698" max="1698" width="16.69921875" style="33" customWidth="1"/>
    <col min="1699" max="1701" width="6.19921875" style="33" customWidth="1"/>
    <col min="1702" max="1946" width="9" style="33"/>
    <col min="1947" max="1947" width="5.19921875" style="33" customWidth="1"/>
    <col min="1948" max="1948" width="16.69921875" style="33" customWidth="1"/>
    <col min="1949" max="1951" width="6.19921875" style="33" customWidth="1"/>
    <col min="1952" max="1952" width="2.19921875" style="33" customWidth="1"/>
    <col min="1953" max="1953" width="5.19921875" style="33" customWidth="1"/>
    <col min="1954" max="1954" width="16.69921875" style="33" customWidth="1"/>
    <col min="1955" max="1957" width="6.19921875" style="33" customWidth="1"/>
    <col min="1958" max="2202" width="9" style="33"/>
    <col min="2203" max="2203" width="5.19921875" style="33" customWidth="1"/>
    <col min="2204" max="2204" width="16.69921875" style="33" customWidth="1"/>
    <col min="2205" max="2207" width="6.19921875" style="33" customWidth="1"/>
    <col min="2208" max="2208" width="2.19921875" style="33" customWidth="1"/>
    <col min="2209" max="2209" width="5.19921875" style="33" customWidth="1"/>
    <col min="2210" max="2210" width="16.69921875" style="33" customWidth="1"/>
    <col min="2211" max="2213" width="6.19921875" style="33" customWidth="1"/>
    <col min="2214" max="2458" width="9" style="33"/>
    <col min="2459" max="2459" width="5.19921875" style="33" customWidth="1"/>
    <col min="2460" max="2460" width="16.69921875" style="33" customWidth="1"/>
    <col min="2461" max="2463" width="6.19921875" style="33" customWidth="1"/>
    <col min="2464" max="2464" width="2.19921875" style="33" customWidth="1"/>
    <col min="2465" max="2465" width="5.19921875" style="33" customWidth="1"/>
    <col min="2466" max="2466" width="16.69921875" style="33" customWidth="1"/>
    <col min="2467" max="2469" width="6.19921875" style="33" customWidth="1"/>
    <col min="2470" max="2714" width="9" style="33"/>
    <col min="2715" max="2715" width="5.19921875" style="33" customWidth="1"/>
    <col min="2716" max="2716" width="16.69921875" style="33" customWidth="1"/>
    <col min="2717" max="2719" width="6.19921875" style="33" customWidth="1"/>
    <col min="2720" max="2720" width="2.19921875" style="33" customWidth="1"/>
    <col min="2721" max="2721" width="5.19921875" style="33" customWidth="1"/>
    <col min="2722" max="2722" width="16.69921875" style="33" customWidth="1"/>
    <col min="2723" max="2725" width="6.19921875" style="33" customWidth="1"/>
    <col min="2726" max="2970" width="9" style="33"/>
    <col min="2971" max="2971" width="5.19921875" style="33" customWidth="1"/>
    <col min="2972" max="2972" width="16.69921875" style="33" customWidth="1"/>
    <col min="2973" max="2975" width="6.19921875" style="33" customWidth="1"/>
    <col min="2976" max="2976" width="2.19921875" style="33" customWidth="1"/>
    <col min="2977" max="2977" width="5.19921875" style="33" customWidth="1"/>
    <col min="2978" max="2978" width="16.69921875" style="33" customWidth="1"/>
    <col min="2979" max="2981" width="6.19921875" style="33" customWidth="1"/>
    <col min="2982" max="3226" width="9" style="33"/>
    <col min="3227" max="3227" width="5.19921875" style="33" customWidth="1"/>
    <col min="3228" max="3228" width="16.69921875" style="33" customWidth="1"/>
    <col min="3229" max="3231" width="6.19921875" style="33" customWidth="1"/>
    <col min="3232" max="3232" width="2.19921875" style="33" customWidth="1"/>
    <col min="3233" max="3233" width="5.19921875" style="33" customWidth="1"/>
    <col min="3234" max="3234" width="16.69921875" style="33" customWidth="1"/>
    <col min="3235" max="3237" width="6.19921875" style="33" customWidth="1"/>
    <col min="3238" max="3482" width="9" style="33"/>
    <col min="3483" max="3483" width="5.19921875" style="33" customWidth="1"/>
    <col min="3484" max="3484" width="16.69921875" style="33" customWidth="1"/>
    <col min="3485" max="3487" width="6.19921875" style="33" customWidth="1"/>
    <col min="3488" max="3488" width="2.19921875" style="33" customWidth="1"/>
    <col min="3489" max="3489" width="5.19921875" style="33" customWidth="1"/>
    <col min="3490" max="3490" width="16.69921875" style="33" customWidth="1"/>
    <col min="3491" max="3493" width="6.19921875" style="33" customWidth="1"/>
    <col min="3494" max="3738" width="9" style="33"/>
    <col min="3739" max="3739" width="5.19921875" style="33" customWidth="1"/>
    <col min="3740" max="3740" width="16.69921875" style="33" customWidth="1"/>
    <col min="3741" max="3743" width="6.19921875" style="33" customWidth="1"/>
    <col min="3744" max="3744" width="2.19921875" style="33" customWidth="1"/>
    <col min="3745" max="3745" width="5.19921875" style="33" customWidth="1"/>
    <col min="3746" max="3746" width="16.69921875" style="33" customWidth="1"/>
    <col min="3747" max="3749" width="6.19921875" style="33" customWidth="1"/>
    <col min="3750" max="3994" width="9" style="33"/>
    <col min="3995" max="3995" width="5.19921875" style="33" customWidth="1"/>
    <col min="3996" max="3996" width="16.69921875" style="33" customWidth="1"/>
    <col min="3997" max="3999" width="6.19921875" style="33" customWidth="1"/>
    <col min="4000" max="4000" width="2.19921875" style="33" customWidth="1"/>
    <col min="4001" max="4001" width="5.19921875" style="33" customWidth="1"/>
    <col min="4002" max="4002" width="16.69921875" style="33" customWidth="1"/>
    <col min="4003" max="4005" width="6.19921875" style="33" customWidth="1"/>
    <col min="4006" max="4250" width="9" style="33"/>
    <col min="4251" max="4251" width="5.19921875" style="33" customWidth="1"/>
    <col min="4252" max="4252" width="16.69921875" style="33" customWidth="1"/>
    <col min="4253" max="4255" width="6.19921875" style="33" customWidth="1"/>
    <col min="4256" max="4256" width="2.19921875" style="33" customWidth="1"/>
    <col min="4257" max="4257" width="5.19921875" style="33" customWidth="1"/>
    <col min="4258" max="4258" width="16.69921875" style="33" customWidth="1"/>
    <col min="4259" max="4261" width="6.19921875" style="33" customWidth="1"/>
    <col min="4262" max="4506" width="9" style="33"/>
    <col min="4507" max="4507" width="5.19921875" style="33" customWidth="1"/>
    <col min="4508" max="4508" width="16.69921875" style="33" customWidth="1"/>
    <col min="4509" max="4511" width="6.19921875" style="33" customWidth="1"/>
    <col min="4512" max="4512" width="2.19921875" style="33" customWidth="1"/>
    <col min="4513" max="4513" width="5.19921875" style="33" customWidth="1"/>
    <col min="4514" max="4514" width="16.69921875" style="33" customWidth="1"/>
    <col min="4515" max="4517" width="6.19921875" style="33" customWidth="1"/>
    <col min="4518" max="4762" width="9" style="33"/>
    <col min="4763" max="4763" width="5.19921875" style="33" customWidth="1"/>
    <col min="4764" max="4764" width="16.69921875" style="33" customWidth="1"/>
    <col min="4765" max="4767" width="6.19921875" style="33" customWidth="1"/>
    <col min="4768" max="4768" width="2.19921875" style="33" customWidth="1"/>
    <col min="4769" max="4769" width="5.19921875" style="33" customWidth="1"/>
    <col min="4770" max="4770" width="16.69921875" style="33" customWidth="1"/>
    <col min="4771" max="4773" width="6.19921875" style="33" customWidth="1"/>
    <col min="4774" max="5018" width="9" style="33"/>
    <col min="5019" max="5019" width="5.19921875" style="33" customWidth="1"/>
    <col min="5020" max="5020" width="16.69921875" style="33" customWidth="1"/>
    <col min="5021" max="5023" width="6.19921875" style="33" customWidth="1"/>
    <col min="5024" max="5024" width="2.19921875" style="33" customWidth="1"/>
    <col min="5025" max="5025" width="5.19921875" style="33" customWidth="1"/>
    <col min="5026" max="5026" width="16.69921875" style="33" customWidth="1"/>
    <col min="5027" max="5029" width="6.19921875" style="33" customWidth="1"/>
    <col min="5030" max="5274" width="9" style="33"/>
    <col min="5275" max="5275" width="5.19921875" style="33" customWidth="1"/>
    <col min="5276" max="5276" width="16.69921875" style="33" customWidth="1"/>
    <col min="5277" max="5279" width="6.19921875" style="33" customWidth="1"/>
    <col min="5280" max="5280" width="2.19921875" style="33" customWidth="1"/>
    <col min="5281" max="5281" width="5.19921875" style="33" customWidth="1"/>
    <col min="5282" max="5282" width="16.69921875" style="33" customWidth="1"/>
    <col min="5283" max="5285" width="6.19921875" style="33" customWidth="1"/>
    <col min="5286" max="5530" width="9" style="33"/>
    <col min="5531" max="5531" width="5.19921875" style="33" customWidth="1"/>
    <col min="5532" max="5532" width="16.69921875" style="33" customWidth="1"/>
    <col min="5533" max="5535" width="6.19921875" style="33" customWidth="1"/>
    <col min="5536" max="5536" width="2.19921875" style="33" customWidth="1"/>
    <col min="5537" max="5537" width="5.19921875" style="33" customWidth="1"/>
    <col min="5538" max="5538" width="16.69921875" style="33" customWidth="1"/>
    <col min="5539" max="5541" width="6.19921875" style="33" customWidth="1"/>
    <col min="5542" max="5786" width="9" style="33"/>
    <col min="5787" max="5787" width="5.19921875" style="33" customWidth="1"/>
    <col min="5788" max="5788" width="16.69921875" style="33" customWidth="1"/>
    <col min="5789" max="5791" width="6.19921875" style="33" customWidth="1"/>
    <col min="5792" max="5792" width="2.19921875" style="33" customWidth="1"/>
    <col min="5793" max="5793" width="5.19921875" style="33" customWidth="1"/>
    <col min="5794" max="5794" width="16.69921875" style="33" customWidth="1"/>
    <col min="5795" max="5797" width="6.19921875" style="33" customWidth="1"/>
    <col min="5798" max="6042" width="9" style="33"/>
    <col min="6043" max="6043" width="5.19921875" style="33" customWidth="1"/>
    <col min="6044" max="6044" width="16.69921875" style="33" customWidth="1"/>
    <col min="6045" max="6047" width="6.19921875" style="33" customWidth="1"/>
    <col min="6048" max="6048" width="2.19921875" style="33" customWidth="1"/>
    <col min="6049" max="6049" width="5.19921875" style="33" customWidth="1"/>
    <col min="6050" max="6050" width="16.69921875" style="33" customWidth="1"/>
    <col min="6051" max="6053" width="6.19921875" style="33" customWidth="1"/>
    <col min="6054" max="6298" width="9" style="33"/>
    <col min="6299" max="6299" width="5.19921875" style="33" customWidth="1"/>
    <col min="6300" max="6300" width="16.69921875" style="33" customWidth="1"/>
    <col min="6301" max="6303" width="6.19921875" style="33" customWidth="1"/>
    <col min="6304" max="6304" width="2.19921875" style="33" customWidth="1"/>
    <col min="6305" max="6305" width="5.19921875" style="33" customWidth="1"/>
    <col min="6306" max="6306" width="16.69921875" style="33" customWidth="1"/>
    <col min="6307" max="6309" width="6.19921875" style="33" customWidth="1"/>
    <col min="6310" max="6554" width="9" style="33"/>
    <col min="6555" max="6555" width="5.19921875" style="33" customWidth="1"/>
    <col min="6556" max="6556" width="16.69921875" style="33" customWidth="1"/>
    <col min="6557" max="6559" width="6.19921875" style="33" customWidth="1"/>
    <col min="6560" max="6560" width="2.19921875" style="33" customWidth="1"/>
    <col min="6561" max="6561" width="5.19921875" style="33" customWidth="1"/>
    <col min="6562" max="6562" width="16.69921875" style="33" customWidth="1"/>
    <col min="6563" max="6565" width="6.19921875" style="33" customWidth="1"/>
    <col min="6566" max="6810" width="9" style="33"/>
    <col min="6811" max="6811" width="5.19921875" style="33" customWidth="1"/>
    <col min="6812" max="6812" width="16.69921875" style="33" customWidth="1"/>
    <col min="6813" max="6815" width="6.19921875" style="33" customWidth="1"/>
    <col min="6816" max="6816" width="2.19921875" style="33" customWidth="1"/>
    <col min="6817" max="6817" width="5.19921875" style="33" customWidth="1"/>
    <col min="6818" max="6818" width="16.69921875" style="33" customWidth="1"/>
    <col min="6819" max="6821" width="6.19921875" style="33" customWidth="1"/>
    <col min="6822" max="7066" width="9" style="33"/>
    <col min="7067" max="7067" width="5.19921875" style="33" customWidth="1"/>
    <col min="7068" max="7068" width="16.69921875" style="33" customWidth="1"/>
    <col min="7069" max="7071" width="6.19921875" style="33" customWidth="1"/>
    <col min="7072" max="7072" width="2.19921875" style="33" customWidth="1"/>
    <col min="7073" max="7073" width="5.19921875" style="33" customWidth="1"/>
    <col min="7074" max="7074" width="16.69921875" style="33" customWidth="1"/>
    <col min="7075" max="7077" width="6.19921875" style="33" customWidth="1"/>
    <col min="7078" max="7322" width="9" style="33"/>
    <col min="7323" max="7323" width="5.19921875" style="33" customWidth="1"/>
    <col min="7324" max="7324" width="16.69921875" style="33" customWidth="1"/>
    <col min="7325" max="7327" width="6.19921875" style="33" customWidth="1"/>
    <col min="7328" max="7328" width="2.19921875" style="33" customWidth="1"/>
    <col min="7329" max="7329" width="5.19921875" style="33" customWidth="1"/>
    <col min="7330" max="7330" width="16.69921875" style="33" customWidth="1"/>
    <col min="7331" max="7333" width="6.19921875" style="33" customWidth="1"/>
    <col min="7334" max="7578" width="9" style="33"/>
    <col min="7579" max="7579" width="5.19921875" style="33" customWidth="1"/>
    <col min="7580" max="7580" width="16.69921875" style="33" customWidth="1"/>
    <col min="7581" max="7583" width="6.19921875" style="33" customWidth="1"/>
    <col min="7584" max="7584" width="2.19921875" style="33" customWidth="1"/>
    <col min="7585" max="7585" width="5.19921875" style="33" customWidth="1"/>
    <col min="7586" max="7586" width="16.69921875" style="33" customWidth="1"/>
    <col min="7587" max="7589" width="6.19921875" style="33" customWidth="1"/>
    <col min="7590" max="7834" width="9" style="33"/>
    <col min="7835" max="7835" width="5.19921875" style="33" customWidth="1"/>
    <col min="7836" max="7836" width="16.69921875" style="33" customWidth="1"/>
    <col min="7837" max="7839" width="6.19921875" style="33" customWidth="1"/>
    <col min="7840" max="7840" width="2.19921875" style="33" customWidth="1"/>
    <col min="7841" max="7841" width="5.19921875" style="33" customWidth="1"/>
    <col min="7842" max="7842" width="16.69921875" style="33" customWidth="1"/>
    <col min="7843" max="7845" width="6.19921875" style="33" customWidth="1"/>
    <col min="7846" max="8090" width="9" style="33"/>
    <col min="8091" max="8091" width="5.19921875" style="33" customWidth="1"/>
    <col min="8092" max="8092" width="16.69921875" style="33" customWidth="1"/>
    <col min="8093" max="8095" width="6.19921875" style="33" customWidth="1"/>
    <col min="8096" max="8096" width="2.19921875" style="33" customWidth="1"/>
    <col min="8097" max="8097" width="5.19921875" style="33" customWidth="1"/>
    <col min="8098" max="8098" width="16.69921875" style="33" customWidth="1"/>
    <col min="8099" max="8101" width="6.19921875" style="33" customWidth="1"/>
    <col min="8102" max="8346" width="9" style="33"/>
    <col min="8347" max="8347" width="5.19921875" style="33" customWidth="1"/>
    <col min="8348" max="8348" width="16.69921875" style="33" customWidth="1"/>
    <col min="8349" max="8351" width="6.19921875" style="33" customWidth="1"/>
    <col min="8352" max="8352" width="2.19921875" style="33" customWidth="1"/>
    <col min="8353" max="8353" width="5.19921875" style="33" customWidth="1"/>
    <col min="8354" max="8354" width="16.69921875" style="33" customWidth="1"/>
    <col min="8355" max="8357" width="6.19921875" style="33" customWidth="1"/>
    <col min="8358" max="8602" width="9" style="33"/>
    <col min="8603" max="8603" width="5.19921875" style="33" customWidth="1"/>
    <col min="8604" max="8604" width="16.69921875" style="33" customWidth="1"/>
    <col min="8605" max="8607" width="6.19921875" style="33" customWidth="1"/>
    <col min="8608" max="8608" width="2.19921875" style="33" customWidth="1"/>
    <col min="8609" max="8609" width="5.19921875" style="33" customWidth="1"/>
    <col min="8610" max="8610" width="16.69921875" style="33" customWidth="1"/>
    <col min="8611" max="8613" width="6.19921875" style="33" customWidth="1"/>
    <col min="8614" max="8858" width="9" style="33"/>
    <col min="8859" max="8859" width="5.19921875" style="33" customWidth="1"/>
    <col min="8860" max="8860" width="16.69921875" style="33" customWidth="1"/>
    <col min="8861" max="8863" width="6.19921875" style="33" customWidth="1"/>
    <col min="8864" max="8864" width="2.19921875" style="33" customWidth="1"/>
    <col min="8865" max="8865" width="5.19921875" style="33" customWidth="1"/>
    <col min="8866" max="8866" width="16.69921875" style="33" customWidth="1"/>
    <col min="8867" max="8869" width="6.19921875" style="33" customWidth="1"/>
    <col min="8870" max="9114" width="9" style="33"/>
    <col min="9115" max="9115" width="5.19921875" style="33" customWidth="1"/>
    <col min="9116" max="9116" width="16.69921875" style="33" customWidth="1"/>
    <col min="9117" max="9119" width="6.19921875" style="33" customWidth="1"/>
    <col min="9120" max="9120" width="2.19921875" style="33" customWidth="1"/>
    <col min="9121" max="9121" width="5.19921875" style="33" customWidth="1"/>
    <col min="9122" max="9122" width="16.69921875" style="33" customWidth="1"/>
    <col min="9123" max="9125" width="6.19921875" style="33" customWidth="1"/>
    <col min="9126" max="9370" width="9" style="33"/>
    <col min="9371" max="9371" width="5.19921875" style="33" customWidth="1"/>
    <col min="9372" max="9372" width="16.69921875" style="33" customWidth="1"/>
    <col min="9373" max="9375" width="6.19921875" style="33" customWidth="1"/>
    <col min="9376" max="9376" width="2.19921875" style="33" customWidth="1"/>
    <col min="9377" max="9377" width="5.19921875" style="33" customWidth="1"/>
    <col min="9378" max="9378" width="16.69921875" style="33" customWidth="1"/>
    <col min="9379" max="9381" width="6.19921875" style="33" customWidth="1"/>
    <col min="9382" max="9626" width="9" style="33"/>
    <col min="9627" max="9627" width="5.19921875" style="33" customWidth="1"/>
    <col min="9628" max="9628" width="16.69921875" style="33" customWidth="1"/>
    <col min="9629" max="9631" width="6.19921875" style="33" customWidth="1"/>
    <col min="9632" max="9632" width="2.19921875" style="33" customWidth="1"/>
    <col min="9633" max="9633" width="5.19921875" style="33" customWidth="1"/>
    <col min="9634" max="9634" width="16.69921875" style="33" customWidth="1"/>
    <col min="9635" max="9637" width="6.19921875" style="33" customWidth="1"/>
    <col min="9638" max="9882" width="9" style="33"/>
    <col min="9883" max="9883" width="5.19921875" style="33" customWidth="1"/>
    <col min="9884" max="9884" width="16.69921875" style="33" customWidth="1"/>
    <col min="9885" max="9887" width="6.19921875" style="33" customWidth="1"/>
    <col min="9888" max="9888" width="2.19921875" style="33" customWidth="1"/>
    <col min="9889" max="9889" width="5.19921875" style="33" customWidth="1"/>
    <col min="9890" max="9890" width="16.69921875" style="33" customWidth="1"/>
    <col min="9891" max="9893" width="6.19921875" style="33" customWidth="1"/>
    <col min="9894" max="10138" width="9" style="33"/>
    <col min="10139" max="10139" width="5.19921875" style="33" customWidth="1"/>
    <col min="10140" max="10140" width="16.69921875" style="33" customWidth="1"/>
    <col min="10141" max="10143" width="6.19921875" style="33" customWidth="1"/>
    <col min="10144" max="10144" width="2.19921875" style="33" customWidth="1"/>
    <col min="10145" max="10145" width="5.19921875" style="33" customWidth="1"/>
    <col min="10146" max="10146" width="16.69921875" style="33" customWidth="1"/>
    <col min="10147" max="10149" width="6.19921875" style="33" customWidth="1"/>
    <col min="10150" max="10394" width="9" style="33"/>
    <col min="10395" max="10395" width="5.19921875" style="33" customWidth="1"/>
    <col min="10396" max="10396" width="16.69921875" style="33" customWidth="1"/>
    <col min="10397" max="10399" width="6.19921875" style="33" customWidth="1"/>
    <col min="10400" max="10400" width="2.19921875" style="33" customWidth="1"/>
    <col min="10401" max="10401" width="5.19921875" style="33" customWidth="1"/>
    <col min="10402" max="10402" width="16.69921875" style="33" customWidth="1"/>
    <col min="10403" max="10405" width="6.19921875" style="33" customWidth="1"/>
    <col min="10406" max="10650" width="9" style="33"/>
    <col min="10651" max="10651" width="5.19921875" style="33" customWidth="1"/>
    <col min="10652" max="10652" width="16.69921875" style="33" customWidth="1"/>
    <col min="10653" max="10655" width="6.19921875" style="33" customWidth="1"/>
    <col min="10656" max="10656" width="2.19921875" style="33" customWidth="1"/>
    <col min="10657" max="10657" width="5.19921875" style="33" customWidth="1"/>
    <col min="10658" max="10658" width="16.69921875" style="33" customWidth="1"/>
    <col min="10659" max="10661" width="6.19921875" style="33" customWidth="1"/>
    <col min="10662" max="10906" width="9" style="33"/>
    <col min="10907" max="10907" width="5.19921875" style="33" customWidth="1"/>
    <col min="10908" max="10908" width="16.69921875" style="33" customWidth="1"/>
    <col min="10909" max="10911" width="6.19921875" style="33" customWidth="1"/>
    <col min="10912" max="10912" width="2.19921875" style="33" customWidth="1"/>
    <col min="10913" max="10913" width="5.19921875" style="33" customWidth="1"/>
    <col min="10914" max="10914" width="16.69921875" style="33" customWidth="1"/>
    <col min="10915" max="10917" width="6.19921875" style="33" customWidth="1"/>
    <col min="10918" max="11162" width="9" style="33"/>
    <col min="11163" max="11163" width="5.19921875" style="33" customWidth="1"/>
    <col min="11164" max="11164" width="16.69921875" style="33" customWidth="1"/>
    <col min="11165" max="11167" width="6.19921875" style="33" customWidth="1"/>
    <col min="11168" max="11168" width="2.19921875" style="33" customWidth="1"/>
    <col min="11169" max="11169" width="5.19921875" style="33" customWidth="1"/>
    <col min="11170" max="11170" width="16.69921875" style="33" customWidth="1"/>
    <col min="11171" max="11173" width="6.19921875" style="33" customWidth="1"/>
    <col min="11174" max="11418" width="9" style="33"/>
    <col min="11419" max="11419" width="5.19921875" style="33" customWidth="1"/>
    <col min="11420" max="11420" width="16.69921875" style="33" customWidth="1"/>
    <col min="11421" max="11423" width="6.19921875" style="33" customWidth="1"/>
    <col min="11424" max="11424" width="2.19921875" style="33" customWidth="1"/>
    <col min="11425" max="11425" width="5.19921875" style="33" customWidth="1"/>
    <col min="11426" max="11426" width="16.69921875" style="33" customWidth="1"/>
    <col min="11427" max="11429" width="6.19921875" style="33" customWidth="1"/>
    <col min="11430" max="14665" width="9" style="33"/>
    <col min="14666" max="16384" width="9" style="33" customWidth="1"/>
  </cols>
  <sheetData>
    <row r="1" spans="1:11" ht="21.75" customHeight="1" x14ac:dyDescent="0.2">
      <c r="A1" s="117" t="s">
        <v>91</v>
      </c>
      <c r="B1" s="117"/>
      <c r="C1" s="117"/>
      <c r="D1" s="117"/>
      <c r="E1" s="117"/>
      <c r="F1" s="117"/>
      <c r="G1" s="117"/>
      <c r="H1" s="117"/>
      <c r="I1" s="117"/>
      <c r="J1" s="118" t="str">
        <f>LEFT(消費者物価指数の概要!$A$6,LEN(消費者物価指数の概要!$A$6)-1)</f>
        <v>２０２６年５月</v>
      </c>
      <c r="K1" s="118"/>
    </row>
    <row r="2" spans="1:11" ht="15.75" customHeight="1" x14ac:dyDescent="0.2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</row>
    <row r="3" spans="1:11" ht="15.75" customHeight="1" x14ac:dyDescent="0.2">
      <c r="A3" s="113" t="s">
        <v>20</v>
      </c>
      <c r="B3" s="114"/>
      <c r="G3" s="59"/>
      <c r="H3" s="60"/>
      <c r="I3" s="61"/>
      <c r="J3" s="61"/>
      <c r="K3" s="61"/>
    </row>
    <row r="4" spans="1:11" ht="15.75" customHeight="1" x14ac:dyDescent="0.2">
      <c r="A4" s="62"/>
      <c r="B4" s="63"/>
      <c r="G4" s="59"/>
      <c r="H4" s="64"/>
      <c r="I4" s="61"/>
      <c r="J4" s="61"/>
      <c r="K4" s="61"/>
    </row>
    <row r="5" spans="1:11" ht="42.75" customHeight="1" x14ac:dyDescent="0.15">
      <c r="A5" s="115" t="s">
        <v>21</v>
      </c>
      <c r="B5" s="116"/>
      <c r="C5" s="65" t="s">
        <v>22</v>
      </c>
      <c r="D5" s="66" t="s">
        <v>23</v>
      </c>
      <c r="E5" s="67" t="s">
        <v>24</v>
      </c>
      <c r="G5" s="115" t="s">
        <v>21</v>
      </c>
      <c r="H5" s="116"/>
      <c r="I5" s="68" t="s">
        <v>22</v>
      </c>
      <c r="J5" s="66" t="s">
        <v>23</v>
      </c>
      <c r="K5" s="67" t="s">
        <v>24</v>
      </c>
    </row>
    <row r="6" spans="1:11" ht="16.2" customHeight="1" x14ac:dyDescent="0.2">
      <c r="A6" s="69" t="s">
        <v>25</v>
      </c>
      <c r="B6" s="70"/>
      <c r="C6" s="52">
        <v>114.2</v>
      </c>
      <c r="D6" s="53">
        <v>0.5</v>
      </c>
      <c r="E6" s="54">
        <v>2</v>
      </c>
      <c r="F6" s="55"/>
      <c r="G6" s="71" t="s">
        <v>26</v>
      </c>
      <c r="H6" s="72"/>
      <c r="I6" s="73">
        <v>97.2</v>
      </c>
      <c r="J6" s="74">
        <v>0</v>
      </c>
      <c r="K6" s="75">
        <v>-4.9000000000000004</v>
      </c>
    </row>
    <row r="7" spans="1:11" ht="16.2" customHeight="1" x14ac:dyDescent="0.2">
      <c r="A7" s="76" t="s">
        <v>27</v>
      </c>
      <c r="B7" s="77"/>
      <c r="C7" s="25">
        <v>130.19999999999999</v>
      </c>
      <c r="D7" s="42">
        <v>0.1</v>
      </c>
      <c r="E7" s="51">
        <v>4.3</v>
      </c>
      <c r="F7" s="55"/>
      <c r="G7" s="77"/>
      <c r="H7" s="78" t="s">
        <v>28</v>
      </c>
      <c r="I7" s="27">
        <v>85.4</v>
      </c>
      <c r="J7" s="28">
        <v>0</v>
      </c>
      <c r="K7" s="34">
        <v>-10.5</v>
      </c>
    </row>
    <row r="8" spans="1:11" ht="16.2" customHeight="1" x14ac:dyDescent="0.2">
      <c r="A8" s="37"/>
      <c r="B8" s="79" t="s">
        <v>29</v>
      </c>
      <c r="C8" s="29">
        <v>162.9</v>
      </c>
      <c r="D8" s="29">
        <v>-0.3</v>
      </c>
      <c r="E8" s="47">
        <v>2.9</v>
      </c>
      <c r="F8" s="55"/>
      <c r="G8" s="77"/>
      <c r="H8" s="80" t="s">
        <v>30</v>
      </c>
      <c r="I8" s="30">
        <v>110.2</v>
      </c>
      <c r="J8" s="31">
        <v>0</v>
      </c>
      <c r="K8" s="48">
        <v>1.3</v>
      </c>
    </row>
    <row r="9" spans="1:11" ht="16.2" customHeight="1" x14ac:dyDescent="0.2">
      <c r="A9" s="37"/>
      <c r="B9" s="43" t="s">
        <v>31</v>
      </c>
      <c r="C9" s="31">
        <v>132.5</v>
      </c>
      <c r="D9" s="31">
        <v>-4.2</v>
      </c>
      <c r="E9" s="48">
        <v>2.5</v>
      </c>
      <c r="F9" s="55"/>
      <c r="G9" s="81"/>
      <c r="H9" s="82" t="s">
        <v>32</v>
      </c>
      <c r="I9" s="27">
        <v>118</v>
      </c>
      <c r="J9" s="28">
        <v>0</v>
      </c>
      <c r="K9" s="34">
        <v>3.2</v>
      </c>
    </row>
    <row r="10" spans="1:11" ht="16.2" customHeight="1" x14ac:dyDescent="0.2">
      <c r="A10" s="37"/>
      <c r="B10" s="43" t="s">
        <v>33</v>
      </c>
      <c r="C10" s="31">
        <v>120.1</v>
      </c>
      <c r="D10" s="31">
        <v>2.2000000000000002</v>
      </c>
      <c r="E10" s="48">
        <v>4.5</v>
      </c>
      <c r="F10" s="55"/>
      <c r="G10" s="71" t="s">
        <v>34</v>
      </c>
      <c r="H10" s="72"/>
      <c r="I10" s="73">
        <v>116.7</v>
      </c>
      <c r="J10" s="74">
        <v>0.5</v>
      </c>
      <c r="K10" s="75">
        <v>1.1000000000000001</v>
      </c>
    </row>
    <row r="11" spans="1:11" ht="16.2" customHeight="1" x14ac:dyDescent="0.2">
      <c r="A11" s="37"/>
      <c r="B11" s="43" t="s">
        <v>35</v>
      </c>
      <c r="C11" s="31">
        <v>134.69999999999999</v>
      </c>
      <c r="D11" s="31">
        <v>-2.7</v>
      </c>
      <c r="E11" s="48">
        <v>3.9</v>
      </c>
      <c r="F11" s="55"/>
      <c r="G11" s="77"/>
      <c r="H11" s="83" t="s">
        <v>36</v>
      </c>
      <c r="I11" s="27">
        <v>104.9</v>
      </c>
      <c r="J11" s="28">
        <v>0.4</v>
      </c>
      <c r="K11" s="34">
        <v>-2.1</v>
      </c>
    </row>
    <row r="12" spans="1:11" ht="16.2" customHeight="1" x14ac:dyDescent="0.2">
      <c r="A12" s="37"/>
      <c r="B12" s="43" t="s">
        <v>37</v>
      </c>
      <c r="C12" s="31">
        <v>122.6</v>
      </c>
      <c r="D12" s="31">
        <v>-0.1</v>
      </c>
      <c r="E12" s="48">
        <v>6</v>
      </c>
      <c r="F12" s="55"/>
      <c r="G12" s="77"/>
      <c r="H12" s="84" t="s">
        <v>38</v>
      </c>
      <c r="I12" s="30">
        <v>117.7</v>
      </c>
      <c r="J12" s="31">
        <v>1.4</v>
      </c>
      <c r="K12" s="48">
        <v>2.9</v>
      </c>
    </row>
    <row r="13" spans="1:11" ht="16.2" customHeight="1" x14ac:dyDescent="0.2">
      <c r="A13" s="37"/>
      <c r="B13" s="43" t="s">
        <v>39</v>
      </c>
      <c r="C13" s="31">
        <v>132.80000000000001</v>
      </c>
      <c r="D13" s="31">
        <v>1.6</v>
      </c>
      <c r="E13" s="48">
        <v>-1.9</v>
      </c>
      <c r="F13" s="55"/>
      <c r="G13" s="77"/>
      <c r="H13" s="84" t="s">
        <v>40</v>
      </c>
      <c r="I13" s="30">
        <v>118.4</v>
      </c>
      <c r="J13" s="31">
        <v>0</v>
      </c>
      <c r="K13" s="48">
        <v>1.7</v>
      </c>
    </row>
    <row r="14" spans="1:11" ht="16.2" customHeight="1" x14ac:dyDescent="0.2">
      <c r="A14" s="37"/>
      <c r="B14" s="43" t="s">
        <v>41</v>
      </c>
      <c r="C14" s="31">
        <v>129.30000000000001</v>
      </c>
      <c r="D14" s="31">
        <v>1.2</v>
      </c>
      <c r="E14" s="48">
        <v>6.4</v>
      </c>
      <c r="F14" s="55"/>
      <c r="G14" s="81"/>
      <c r="H14" s="82" t="s">
        <v>42</v>
      </c>
      <c r="I14" s="27">
        <v>117.7</v>
      </c>
      <c r="J14" s="28">
        <v>0.2</v>
      </c>
      <c r="K14" s="56">
        <v>0.9</v>
      </c>
    </row>
    <row r="15" spans="1:11" ht="16.2" customHeight="1" x14ac:dyDescent="0.2">
      <c r="A15" s="37"/>
      <c r="B15" s="43" t="s">
        <v>43</v>
      </c>
      <c r="C15" s="31">
        <v>140.9</v>
      </c>
      <c r="D15" s="31">
        <v>0.4</v>
      </c>
      <c r="E15" s="48">
        <v>9.5</v>
      </c>
      <c r="F15" s="55"/>
      <c r="G15" s="71" t="s">
        <v>44</v>
      </c>
      <c r="H15" s="72"/>
      <c r="I15" s="25">
        <v>107.6</v>
      </c>
      <c r="J15" s="25">
        <v>0.1</v>
      </c>
      <c r="K15" s="26">
        <v>0.8</v>
      </c>
    </row>
    <row r="16" spans="1:11" ht="16.2" customHeight="1" x14ac:dyDescent="0.2">
      <c r="A16" s="37"/>
      <c r="B16" s="43" t="s">
        <v>45</v>
      </c>
      <c r="C16" s="31">
        <v>127.9</v>
      </c>
      <c r="D16" s="31">
        <v>1.6</v>
      </c>
      <c r="E16" s="48">
        <v>5.3</v>
      </c>
      <c r="F16" s="55"/>
      <c r="G16" s="77"/>
      <c r="H16" s="78" t="s">
        <v>46</v>
      </c>
      <c r="I16" s="27">
        <v>113.9</v>
      </c>
      <c r="J16" s="28">
        <v>0</v>
      </c>
      <c r="K16" s="34">
        <v>1.8</v>
      </c>
    </row>
    <row r="17" spans="1:11" ht="16.2" customHeight="1" x14ac:dyDescent="0.2">
      <c r="A17" s="37"/>
      <c r="B17" s="43" t="s">
        <v>47</v>
      </c>
      <c r="C17" s="31">
        <v>133.1</v>
      </c>
      <c r="D17" s="31">
        <v>-0.6</v>
      </c>
      <c r="E17" s="48">
        <v>9.1999999999999993</v>
      </c>
      <c r="F17" s="55"/>
      <c r="G17" s="77"/>
      <c r="H17" s="84" t="s">
        <v>48</v>
      </c>
      <c r="I17" s="30">
        <v>102.7</v>
      </c>
      <c r="J17" s="31">
        <v>-0.1</v>
      </c>
      <c r="K17" s="48">
        <v>0.9</v>
      </c>
    </row>
    <row r="18" spans="1:11" ht="16.2" customHeight="1" x14ac:dyDescent="0.2">
      <c r="A18" s="37"/>
      <c r="B18" s="43" t="s">
        <v>49</v>
      </c>
      <c r="C18" s="31">
        <v>114</v>
      </c>
      <c r="D18" s="31">
        <v>-0.1</v>
      </c>
      <c r="E18" s="48">
        <v>-1.2</v>
      </c>
      <c r="F18" s="55"/>
      <c r="G18" s="77"/>
      <c r="H18" s="84" t="s">
        <v>50</v>
      </c>
      <c r="I18" s="30">
        <v>117</v>
      </c>
      <c r="J18" s="31">
        <v>1.3</v>
      </c>
      <c r="K18" s="48">
        <v>-0.7</v>
      </c>
    </row>
    <row r="19" spans="1:11" ht="16.2" customHeight="1" x14ac:dyDescent="0.2">
      <c r="A19" s="37"/>
      <c r="B19" s="85" t="s">
        <v>51</v>
      </c>
      <c r="C19" s="31">
        <v>122.3</v>
      </c>
      <c r="D19" s="31">
        <v>0.5</v>
      </c>
      <c r="E19" s="49">
        <v>2.1</v>
      </c>
      <c r="F19" s="55"/>
      <c r="G19" s="77"/>
      <c r="H19" s="84" t="s">
        <v>52</v>
      </c>
      <c r="I19" s="30">
        <v>117</v>
      </c>
      <c r="J19" s="31">
        <v>0</v>
      </c>
      <c r="K19" s="48">
        <v>1.7</v>
      </c>
    </row>
    <row r="20" spans="1:11" ht="16.2" customHeight="1" x14ac:dyDescent="0.2">
      <c r="A20" s="86" t="s">
        <v>53</v>
      </c>
      <c r="B20" s="87"/>
      <c r="C20" s="88">
        <v>105.7</v>
      </c>
      <c r="D20" s="25">
        <v>0.2</v>
      </c>
      <c r="E20" s="26">
        <v>1.9</v>
      </c>
      <c r="F20" s="55"/>
      <c r="G20" s="89"/>
      <c r="H20" s="84" t="s">
        <v>54</v>
      </c>
      <c r="I20" s="28">
        <v>103.4</v>
      </c>
      <c r="J20" s="28">
        <v>0</v>
      </c>
      <c r="K20" s="56">
        <v>0.4</v>
      </c>
    </row>
    <row r="21" spans="1:11" ht="16.2" customHeight="1" x14ac:dyDescent="0.2">
      <c r="A21" s="37"/>
      <c r="B21" s="79" t="s">
        <v>55</v>
      </c>
      <c r="C21" s="44">
        <v>102.7</v>
      </c>
      <c r="D21" s="31">
        <v>0</v>
      </c>
      <c r="E21" s="48">
        <v>0.7</v>
      </c>
      <c r="F21" s="90"/>
      <c r="G21" s="91"/>
      <c r="H21" s="71"/>
      <c r="I21" s="92"/>
      <c r="J21" s="92"/>
      <c r="K21" s="92"/>
    </row>
    <row r="22" spans="1:11" ht="16.2" customHeight="1" x14ac:dyDescent="0.2">
      <c r="A22" s="93"/>
      <c r="B22" s="85" t="s">
        <v>56</v>
      </c>
      <c r="C22" s="45">
        <v>126.9</v>
      </c>
      <c r="D22" s="35">
        <v>1.2</v>
      </c>
      <c r="E22" s="49">
        <v>9</v>
      </c>
      <c r="F22" s="90"/>
      <c r="G22" s="59"/>
      <c r="H22" s="94"/>
      <c r="I22" s="36"/>
      <c r="J22" s="36"/>
      <c r="K22" s="36"/>
    </row>
    <row r="23" spans="1:11" ht="16.2" customHeight="1" x14ac:dyDescent="0.2">
      <c r="A23" s="86" t="s">
        <v>57</v>
      </c>
      <c r="B23" s="87"/>
      <c r="C23" s="88">
        <v>124.1</v>
      </c>
      <c r="D23" s="25">
        <v>4.2</v>
      </c>
      <c r="E23" s="26">
        <v>0.3</v>
      </c>
      <c r="F23" s="90"/>
      <c r="G23" s="59"/>
      <c r="H23" s="94"/>
      <c r="I23" s="36"/>
      <c r="J23" s="36"/>
      <c r="K23" s="36"/>
    </row>
    <row r="24" spans="1:11" ht="16.2" customHeight="1" x14ac:dyDescent="0.2">
      <c r="A24" s="37"/>
      <c r="B24" s="79" t="s">
        <v>58</v>
      </c>
      <c r="C24" s="46">
        <v>124.6</v>
      </c>
      <c r="D24" s="29">
        <v>5.2</v>
      </c>
      <c r="E24" s="47">
        <v>-2.7</v>
      </c>
      <c r="F24" s="90"/>
      <c r="G24" s="59"/>
      <c r="H24" s="94"/>
      <c r="I24" s="36"/>
      <c r="J24" s="36"/>
      <c r="K24" s="36"/>
    </row>
    <row r="25" spans="1:11" ht="16.2" customHeight="1" x14ac:dyDescent="0.2">
      <c r="A25" s="37"/>
      <c r="B25" s="43" t="s">
        <v>59</v>
      </c>
      <c r="C25" s="44">
        <v>124.9</v>
      </c>
      <c r="D25" s="31">
        <v>7</v>
      </c>
      <c r="E25" s="48">
        <v>2.1</v>
      </c>
      <c r="F25" s="90"/>
      <c r="G25" s="59"/>
      <c r="H25" s="94"/>
      <c r="I25" s="36"/>
      <c r="J25" s="36"/>
      <c r="K25" s="36"/>
    </row>
    <row r="26" spans="1:11" ht="16.2" customHeight="1" x14ac:dyDescent="0.2">
      <c r="A26" s="37"/>
      <c r="B26" s="43" t="s">
        <v>60</v>
      </c>
      <c r="C26" s="44">
        <v>173.1</v>
      </c>
      <c r="D26" s="31">
        <v>0</v>
      </c>
      <c r="E26" s="48">
        <v>17.600000000000001</v>
      </c>
      <c r="F26" s="90"/>
      <c r="G26" s="59"/>
      <c r="H26" s="94"/>
      <c r="I26" s="36"/>
      <c r="J26" s="36"/>
      <c r="K26" s="36"/>
    </row>
    <row r="27" spans="1:11" ht="16.2" customHeight="1" x14ac:dyDescent="0.2">
      <c r="A27" s="93"/>
      <c r="B27" s="85" t="s">
        <v>61</v>
      </c>
      <c r="C27" s="44">
        <v>116.1</v>
      </c>
      <c r="D27" s="31">
        <v>0</v>
      </c>
      <c r="E27" s="48">
        <v>1.7</v>
      </c>
      <c r="F27" s="90"/>
      <c r="G27" s="59"/>
      <c r="H27" s="94"/>
      <c r="I27" s="36"/>
      <c r="J27" s="36"/>
      <c r="K27" s="36"/>
    </row>
    <row r="28" spans="1:11" ht="16.2" customHeight="1" x14ac:dyDescent="0.2">
      <c r="A28" s="86" t="s">
        <v>62</v>
      </c>
      <c r="B28" s="87"/>
      <c r="C28" s="88">
        <v>119.9</v>
      </c>
      <c r="D28" s="25">
        <v>2.5</v>
      </c>
      <c r="E28" s="26">
        <v>0.7</v>
      </c>
      <c r="F28" s="90"/>
      <c r="G28" s="59"/>
      <c r="H28" s="94"/>
      <c r="I28" s="36"/>
      <c r="J28" s="36"/>
      <c r="K28" s="36"/>
    </row>
    <row r="29" spans="1:11" ht="16.2" customHeight="1" x14ac:dyDescent="0.2">
      <c r="A29" s="37"/>
      <c r="B29" s="79" t="s">
        <v>63</v>
      </c>
      <c r="C29" s="46">
        <v>117</v>
      </c>
      <c r="D29" s="29">
        <v>6.5</v>
      </c>
      <c r="E29" s="47">
        <v>-2.4</v>
      </c>
      <c r="F29" s="90"/>
      <c r="G29" s="59"/>
      <c r="H29" s="94"/>
      <c r="I29" s="36"/>
      <c r="J29" s="36"/>
      <c r="K29" s="36"/>
    </row>
    <row r="30" spans="1:11" ht="16.2" customHeight="1" x14ac:dyDescent="0.2">
      <c r="A30" s="37"/>
      <c r="B30" s="43" t="s">
        <v>64</v>
      </c>
      <c r="C30" s="44">
        <v>101.2</v>
      </c>
      <c r="D30" s="31">
        <v>0</v>
      </c>
      <c r="E30" s="48">
        <v>3.8</v>
      </c>
      <c r="F30" s="90"/>
      <c r="G30" s="59"/>
      <c r="H30" s="94"/>
      <c r="I30" s="36"/>
      <c r="J30" s="36"/>
      <c r="K30" s="36"/>
    </row>
    <row r="31" spans="1:11" ht="16.2" customHeight="1" x14ac:dyDescent="0.2">
      <c r="A31" s="37"/>
      <c r="B31" s="43" t="s">
        <v>65</v>
      </c>
      <c r="C31" s="44">
        <v>129.9</v>
      </c>
      <c r="D31" s="31">
        <v>2.6</v>
      </c>
      <c r="E31" s="48">
        <v>-0.6</v>
      </c>
      <c r="F31" s="90"/>
      <c r="G31" s="59"/>
      <c r="H31" s="94"/>
      <c r="I31" s="36"/>
      <c r="J31" s="36"/>
      <c r="K31" s="36"/>
    </row>
    <row r="32" spans="1:11" ht="16.2" customHeight="1" x14ac:dyDescent="0.2">
      <c r="A32" s="37"/>
      <c r="B32" s="43" t="s">
        <v>66</v>
      </c>
      <c r="C32" s="44">
        <v>125.6</v>
      </c>
      <c r="D32" s="31">
        <v>0</v>
      </c>
      <c r="E32" s="48">
        <v>1.3</v>
      </c>
      <c r="F32" s="90"/>
      <c r="G32" s="59"/>
      <c r="H32" s="94"/>
      <c r="I32" s="36"/>
      <c r="J32" s="36"/>
      <c r="K32" s="36"/>
    </row>
    <row r="33" spans="1:11" ht="16.2" customHeight="1" x14ac:dyDescent="0.2">
      <c r="A33" s="37"/>
      <c r="B33" s="43" t="s">
        <v>67</v>
      </c>
      <c r="C33" s="27">
        <v>121.5</v>
      </c>
      <c r="D33" s="28">
        <v>0.3</v>
      </c>
      <c r="E33" s="34">
        <v>4.7</v>
      </c>
      <c r="F33" s="90"/>
      <c r="G33" s="59"/>
      <c r="H33" s="94"/>
      <c r="I33" s="36"/>
      <c r="J33" s="36"/>
      <c r="K33" s="36"/>
    </row>
    <row r="34" spans="1:11" ht="16.2" customHeight="1" x14ac:dyDescent="0.2">
      <c r="A34" s="93"/>
      <c r="B34" s="85" t="s">
        <v>68</v>
      </c>
      <c r="C34" s="44">
        <v>107.6</v>
      </c>
      <c r="D34" s="31">
        <v>0</v>
      </c>
      <c r="E34" s="48">
        <v>-1.3</v>
      </c>
      <c r="F34" s="90"/>
      <c r="G34" s="59"/>
      <c r="H34" s="94"/>
      <c r="I34" s="36"/>
      <c r="J34" s="36"/>
      <c r="K34" s="36"/>
    </row>
    <row r="35" spans="1:11" ht="16.2" customHeight="1" x14ac:dyDescent="0.2">
      <c r="A35" s="86" t="s">
        <v>69</v>
      </c>
      <c r="B35" s="87"/>
      <c r="C35" s="88">
        <v>107.4</v>
      </c>
      <c r="D35" s="25">
        <v>0.4</v>
      </c>
      <c r="E35" s="26">
        <v>0.6</v>
      </c>
      <c r="F35" s="90"/>
      <c r="G35" s="59"/>
      <c r="H35" s="94"/>
      <c r="I35" s="36"/>
      <c r="J35" s="36"/>
      <c r="K35" s="36"/>
    </row>
    <row r="36" spans="1:11" ht="16.2" customHeight="1" x14ac:dyDescent="0.2">
      <c r="A36" s="37"/>
      <c r="B36" s="79" t="s">
        <v>70</v>
      </c>
      <c r="C36" s="44">
        <v>109.2</v>
      </c>
      <c r="D36" s="31">
        <v>1</v>
      </c>
      <c r="E36" s="48">
        <v>-0.1</v>
      </c>
      <c r="F36" s="90"/>
      <c r="G36" s="59"/>
      <c r="H36" s="94"/>
      <c r="I36" s="36"/>
      <c r="J36" s="36"/>
      <c r="K36" s="36"/>
    </row>
    <row r="37" spans="1:11" ht="16.2" customHeight="1" x14ac:dyDescent="0.2">
      <c r="A37" s="37"/>
      <c r="B37" s="95" t="s">
        <v>71</v>
      </c>
      <c r="C37" s="44">
        <v>106.7</v>
      </c>
      <c r="D37" s="31">
        <v>-0.3</v>
      </c>
      <c r="E37" s="48">
        <v>-0.3</v>
      </c>
      <c r="F37" s="90"/>
      <c r="G37" s="59"/>
      <c r="H37" s="94"/>
      <c r="I37" s="36"/>
      <c r="J37" s="36"/>
      <c r="K37" s="36"/>
    </row>
    <row r="38" spans="1:11" ht="16.2" customHeight="1" x14ac:dyDescent="0.2">
      <c r="A38" s="37"/>
      <c r="B38" s="43" t="s">
        <v>72</v>
      </c>
      <c r="C38" s="44">
        <v>98</v>
      </c>
      <c r="D38" s="31">
        <v>0</v>
      </c>
      <c r="E38" s="48">
        <v>2.6</v>
      </c>
      <c r="F38" s="90"/>
      <c r="G38" s="59"/>
      <c r="H38" s="94"/>
      <c r="I38" s="36"/>
      <c r="J38" s="36"/>
      <c r="K38" s="36"/>
    </row>
    <row r="39" spans="1:11" ht="16.2" customHeight="1" x14ac:dyDescent="0.2">
      <c r="A39" s="37"/>
      <c r="B39" s="43" t="s">
        <v>84</v>
      </c>
      <c r="C39" s="44">
        <v>110.7</v>
      </c>
      <c r="D39" s="31">
        <v>0.4</v>
      </c>
      <c r="E39" s="48">
        <v>0.7</v>
      </c>
      <c r="F39" s="90"/>
      <c r="G39" s="59"/>
      <c r="H39" s="94"/>
      <c r="I39" s="36"/>
      <c r="J39" s="36"/>
      <c r="K39" s="36"/>
    </row>
    <row r="40" spans="1:11" ht="16.2" customHeight="1" x14ac:dyDescent="0.2">
      <c r="A40" s="93"/>
      <c r="B40" s="85" t="s">
        <v>73</v>
      </c>
      <c r="C40" s="44">
        <v>117</v>
      </c>
      <c r="D40" s="35">
        <v>0</v>
      </c>
      <c r="E40" s="49">
        <v>7.3</v>
      </c>
      <c r="F40" s="90"/>
      <c r="G40" s="59"/>
      <c r="H40" s="94"/>
      <c r="I40" s="36"/>
      <c r="J40" s="36"/>
      <c r="K40" s="36"/>
    </row>
    <row r="41" spans="1:11" ht="16.2" customHeight="1" x14ac:dyDescent="0.2">
      <c r="A41" s="86" t="s">
        <v>74</v>
      </c>
      <c r="B41" s="87"/>
      <c r="C41" s="88">
        <v>102.8</v>
      </c>
      <c r="D41" s="25">
        <v>0.2</v>
      </c>
      <c r="E41" s="26">
        <v>-1.1000000000000001</v>
      </c>
      <c r="F41" s="90"/>
      <c r="G41" s="59"/>
      <c r="H41" s="94"/>
      <c r="I41" s="36"/>
      <c r="J41" s="36"/>
      <c r="K41" s="36"/>
    </row>
    <row r="42" spans="1:11" ht="16.2" customHeight="1" x14ac:dyDescent="0.2">
      <c r="A42" s="37"/>
      <c r="B42" s="96" t="s">
        <v>75</v>
      </c>
      <c r="C42" s="44">
        <v>108.8</v>
      </c>
      <c r="D42" s="31">
        <v>0.6</v>
      </c>
      <c r="E42" s="48">
        <v>1.7</v>
      </c>
      <c r="F42" s="90"/>
      <c r="G42" s="59"/>
      <c r="H42" s="94"/>
      <c r="I42" s="36"/>
      <c r="J42" s="36"/>
      <c r="K42" s="36"/>
    </row>
    <row r="43" spans="1:11" ht="16.2" customHeight="1" x14ac:dyDescent="0.2">
      <c r="A43" s="37"/>
      <c r="B43" s="97" t="s">
        <v>76</v>
      </c>
      <c r="C43" s="44">
        <v>109.2</v>
      </c>
      <c r="D43" s="31">
        <v>-0.1</v>
      </c>
      <c r="E43" s="32">
        <v>-5.6</v>
      </c>
      <c r="F43" s="90"/>
      <c r="G43" s="59"/>
      <c r="H43" s="94"/>
      <c r="I43" s="36"/>
      <c r="J43" s="36"/>
      <c r="K43" s="36"/>
    </row>
    <row r="44" spans="1:11" ht="16.2" customHeight="1" x14ac:dyDescent="0.2">
      <c r="A44" s="93"/>
      <c r="B44" s="85" t="s">
        <v>77</v>
      </c>
      <c r="C44" s="44">
        <v>97.5</v>
      </c>
      <c r="D44" s="31">
        <v>0</v>
      </c>
      <c r="E44" s="32">
        <v>-1</v>
      </c>
      <c r="F44" s="60"/>
      <c r="G44" s="59"/>
      <c r="H44" s="94"/>
      <c r="I44" s="36"/>
      <c r="J44" s="36"/>
      <c r="K44" s="36"/>
    </row>
    <row r="45" spans="1:11" ht="16.2" customHeight="1" x14ac:dyDescent="0.2">
      <c r="A45" s="86" t="s">
        <v>78</v>
      </c>
      <c r="B45" s="87"/>
      <c r="C45" s="88">
        <v>100.7</v>
      </c>
      <c r="D45" s="25">
        <v>0.1</v>
      </c>
      <c r="E45" s="98">
        <v>2.1</v>
      </c>
      <c r="F45" s="60"/>
      <c r="G45" s="59"/>
      <c r="H45" s="94"/>
      <c r="I45" s="36"/>
      <c r="J45" s="36"/>
      <c r="K45" s="36"/>
    </row>
    <row r="46" spans="1:11" ht="16.2" customHeight="1" x14ac:dyDescent="0.2">
      <c r="A46" s="37"/>
      <c r="B46" s="79" t="s">
        <v>79</v>
      </c>
      <c r="C46" s="44">
        <v>111.2</v>
      </c>
      <c r="D46" s="31">
        <v>0.2</v>
      </c>
      <c r="E46" s="32">
        <v>4.8</v>
      </c>
      <c r="F46" s="60"/>
      <c r="G46" s="59"/>
      <c r="H46" s="94"/>
      <c r="I46" s="36"/>
      <c r="J46" s="36"/>
      <c r="K46" s="36"/>
    </row>
    <row r="47" spans="1:11" ht="16.2" customHeight="1" x14ac:dyDescent="0.2">
      <c r="A47" s="37"/>
      <c r="B47" s="43" t="s">
        <v>80</v>
      </c>
      <c r="C47" s="44">
        <v>110.1</v>
      </c>
      <c r="D47" s="31">
        <v>0.2</v>
      </c>
      <c r="E47" s="32">
        <v>-0.1</v>
      </c>
      <c r="F47" s="60"/>
      <c r="G47" s="59"/>
      <c r="H47" s="94"/>
      <c r="I47" s="36"/>
      <c r="J47" s="36"/>
      <c r="K47" s="36"/>
    </row>
    <row r="48" spans="1:11" ht="16.2" customHeight="1" x14ac:dyDescent="0.2">
      <c r="A48" s="93"/>
      <c r="B48" s="85" t="s">
        <v>81</v>
      </c>
      <c r="C48" s="35">
        <v>78.7</v>
      </c>
      <c r="D48" s="35">
        <v>-0.2</v>
      </c>
      <c r="E48" s="50">
        <v>7</v>
      </c>
      <c r="F48" s="60"/>
      <c r="G48" s="59"/>
      <c r="H48" s="94"/>
      <c r="I48" s="36"/>
      <c r="J48" s="36"/>
      <c r="K48" s="36"/>
    </row>
    <row r="49" spans="2:11" ht="16.2" customHeight="1" x14ac:dyDescent="0.2">
      <c r="B49" s="99"/>
      <c r="C49" s="61"/>
      <c r="D49" s="61"/>
      <c r="E49" s="92"/>
      <c r="F49" s="60"/>
      <c r="G49" s="59"/>
      <c r="H49" s="94"/>
      <c r="I49" s="36"/>
      <c r="J49" s="36"/>
      <c r="K49" s="36"/>
    </row>
    <row r="50" spans="2:11" ht="17.100000000000001" customHeight="1" x14ac:dyDescent="0.2">
      <c r="C50" s="61"/>
      <c r="D50" s="61"/>
      <c r="E50" s="61"/>
      <c r="F50" s="94"/>
      <c r="G50" s="59"/>
      <c r="H50" s="94"/>
      <c r="I50" s="36"/>
      <c r="J50" s="36"/>
      <c r="K50" s="36"/>
    </row>
    <row r="51" spans="2:11" ht="17.100000000000001" customHeight="1" x14ac:dyDescent="0.2">
      <c r="G51" s="59"/>
      <c r="H51" s="94"/>
      <c r="I51" s="36"/>
      <c r="J51" s="36"/>
      <c r="K51" s="36"/>
    </row>
    <row r="52" spans="2:11" ht="17.100000000000001" customHeight="1" x14ac:dyDescent="0.2">
      <c r="G52" s="59"/>
      <c r="H52" s="94"/>
      <c r="I52" s="38"/>
      <c r="J52" s="38"/>
      <c r="K52" s="38"/>
    </row>
    <row r="53" spans="2:11" ht="17.100000000000001" customHeight="1" x14ac:dyDescent="0.2">
      <c r="F53" s="94"/>
      <c r="G53" s="59"/>
      <c r="H53" s="94"/>
      <c r="I53" s="36"/>
      <c r="J53" s="36"/>
      <c r="K53" s="36"/>
    </row>
    <row r="54" spans="2:11" ht="17.100000000000001" customHeight="1" x14ac:dyDescent="0.2">
      <c r="F54" s="94"/>
      <c r="G54" s="59"/>
      <c r="H54" s="94"/>
      <c r="I54" s="38"/>
      <c r="J54" s="38"/>
      <c r="K54" s="38"/>
    </row>
    <row r="55" spans="2:11" ht="17.100000000000001" customHeight="1" x14ac:dyDescent="0.2">
      <c r="F55" s="94"/>
      <c r="G55" s="59"/>
      <c r="H55" s="94"/>
      <c r="I55" s="36"/>
      <c r="J55" s="36"/>
      <c r="K55" s="36"/>
    </row>
    <row r="56" spans="2:11" ht="17.100000000000001" customHeight="1" x14ac:dyDescent="0.2">
      <c r="F56" s="94"/>
      <c r="G56" s="59"/>
      <c r="H56" s="94"/>
      <c r="I56" s="36"/>
      <c r="J56" s="36"/>
      <c r="K56" s="36"/>
    </row>
    <row r="57" spans="2:11" ht="17.100000000000001" customHeight="1" x14ac:dyDescent="0.2">
      <c r="F57" s="94"/>
      <c r="G57" s="59"/>
      <c r="H57" s="94"/>
      <c r="I57" s="36"/>
      <c r="J57" s="36"/>
      <c r="K57" s="36"/>
    </row>
    <row r="58" spans="2:11" ht="17.100000000000001" customHeight="1" x14ac:dyDescent="0.2">
      <c r="F58" s="94"/>
      <c r="G58" s="59"/>
      <c r="H58" s="94"/>
      <c r="I58" s="38"/>
      <c r="J58" s="38"/>
      <c r="K58" s="38"/>
    </row>
  </sheetData>
  <mergeCells count="5">
    <mergeCell ref="A3:B3"/>
    <mergeCell ref="A5:B5"/>
    <mergeCell ref="G5:H5"/>
    <mergeCell ref="A1:I1"/>
    <mergeCell ref="J1:K1"/>
  </mergeCells>
  <phoneticPr fontId="1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消費者物価指数の概要</vt:lpstr>
      <vt:lpstr>中分類指数</vt:lpstr>
      <vt:lpstr>消費者物価指数の概要!Print_Area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2-13T01:07:20Z</cp:lastPrinted>
  <dcterms:created xsi:type="dcterms:W3CDTF">2017-03-03T01:34:39Z</dcterms:created>
  <dcterms:modified xsi:type="dcterms:W3CDTF">2026-07-09T06:54:33Z</dcterms:modified>
</cp:coreProperties>
</file>